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報\（R3）\"/>
    </mc:Choice>
  </mc:AlternateContent>
  <bookViews>
    <workbookView xWindow="0" yWindow="0" windowWidth="28800" windowHeight="12885" tabRatio="684"/>
  </bookViews>
  <sheets>
    <sheet name="第1表" sheetId="1" r:id="rId1"/>
    <sheet name="第2表" sheetId="2" r:id="rId2"/>
    <sheet name="第3表" sheetId="3" r:id="rId3"/>
    <sheet name="第4表" sheetId="4" r:id="rId4"/>
    <sheet name="第5表" sheetId="5" r:id="rId5"/>
    <sheet name="第6表" sheetId="6" r:id="rId6"/>
    <sheet name="第7表" sheetId="7" r:id="rId7"/>
    <sheet name="第8-1表" sheetId="8" r:id="rId8"/>
    <sheet name="第8-2表" sheetId="9" r:id="rId9"/>
    <sheet name="第8-3表" sheetId="10" r:id="rId10"/>
    <sheet name="第8-4表" sheetId="11" r:id="rId11"/>
    <sheet name="第8-5表" sheetId="12" r:id="rId12"/>
    <sheet name="第8-6表" sheetId="13" r:id="rId13"/>
    <sheet name="第9表" sheetId="14" r:id="rId14"/>
    <sheet name="第10表" sheetId="15" r:id="rId15"/>
    <sheet name="参考1" sheetId="16" r:id="rId16"/>
    <sheet name="参考2" sheetId="17" r:id="rId17"/>
  </sheets>
  <definedNames>
    <definedName name="_Key1" localSheetId="15" hidden="1">#REF!</definedName>
    <definedName name="_Key1" localSheetId="16" hidden="1">#REF!</definedName>
    <definedName name="_Key1" localSheetId="14" hidden="1">#REF!</definedName>
    <definedName name="_Key1" localSheetId="0" hidden="1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localSheetId="6" hidden="1">#REF!</definedName>
    <definedName name="_Key1" localSheetId="7" hidden="1">#REF!</definedName>
    <definedName name="_Key1" localSheetId="8" hidden="1">#REF!</definedName>
    <definedName name="_Key1" localSheetId="9" hidden="1">#REF!</definedName>
    <definedName name="_Key1" localSheetId="10" hidden="1">#REF!</definedName>
    <definedName name="_Key1" localSheetId="11" hidden="1">#REF!</definedName>
    <definedName name="_Key1" localSheetId="12" hidden="1">#REF!</definedName>
    <definedName name="_Key1" localSheetId="13" hidden="1">#REF!</definedName>
    <definedName name="_Key1" hidden="1">#REF!</definedName>
    <definedName name="_Order1" hidden="1">255</definedName>
    <definedName name="_Sort" localSheetId="15" hidden="1">#REF!</definedName>
    <definedName name="_Sort" localSheetId="16" hidden="1">#REF!</definedName>
    <definedName name="_Sort" localSheetId="14" hidden="1">#REF!</definedName>
    <definedName name="_Sort" localSheetId="0" hidden="1">#REF!</definedName>
    <definedName name="_Sort" localSheetId="1" hidden="1">#REF!</definedName>
    <definedName name="_Sort" localSheetId="2" hidden="1">#REF!</definedName>
    <definedName name="_Sort" localSheetId="3" hidden="1">#REF!</definedName>
    <definedName name="_Sort" localSheetId="4" hidden="1">#REF!</definedName>
    <definedName name="_Sort" localSheetId="5" hidden="1">#REF!</definedName>
    <definedName name="_Sort" localSheetId="6" hidden="1">#REF!</definedName>
    <definedName name="_Sort" localSheetId="7" hidden="1">#REF!</definedName>
    <definedName name="_Sort" localSheetId="8" hidden="1">#REF!</definedName>
    <definedName name="_Sort" localSheetId="9" hidden="1">#REF!</definedName>
    <definedName name="_Sort" localSheetId="10" hidden="1">#REF!</definedName>
    <definedName name="_Sort" localSheetId="11" hidden="1">#REF!</definedName>
    <definedName name="_Sort" localSheetId="12" hidden="1">#REF!</definedName>
    <definedName name="_Sort" localSheetId="13" hidden="1">#REF!</definedName>
    <definedName name="_Sort" hidden="1">#REF!</definedName>
    <definedName name="_xlnm.Print_Area" localSheetId="15">参考1!$A$1:$K$85</definedName>
    <definedName name="_xlnm.Print_Area" localSheetId="14">第10表!$A$1:$K$29</definedName>
    <definedName name="_xlnm.Print_Area" localSheetId="0">第1表!$A$1:$L$86</definedName>
    <definedName name="_xlnm.Print_Area" localSheetId="1">第2表!$A$1:$L$86</definedName>
    <definedName name="_xlnm.Print_Area" localSheetId="2">第3表!$A$1:$K$62</definedName>
    <definedName name="_xlnm.Print_Area" localSheetId="3">第4表!$A$1:$J$19</definedName>
    <definedName name="_xlnm.Print_Area" localSheetId="4">第5表!$A$1:$R$82</definedName>
    <definedName name="_xlnm.Print_Area" localSheetId="6">第7表!$A$1:$K$85</definedName>
    <definedName name="月報">"グラフ 1"</definedName>
    <definedName name="第１表2011年10月分" localSheetId="15">#REF!</definedName>
    <definedName name="第１表2011年10月分" localSheetId="16">#REF!</definedName>
    <definedName name="第１表2011年10月分">#REF!</definedName>
    <definedName name="第１表2011年11月分" localSheetId="15">#REF!</definedName>
    <definedName name="第１表2011年11月分" localSheetId="16">#REF!</definedName>
    <definedName name="第１表2011年11月分">#REF!</definedName>
    <definedName name="第１表2011年１月分" localSheetId="15">#REF!</definedName>
    <definedName name="第１表2011年１月分" localSheetId="16">#REF!</definedName>
    <definedName name="第１表2011年１月分">#REF!</definedName>
    <definedName name="第１表2011年２月分" localSheetId="15">#REF!</definedName>
    <definedName name="第１表2011年２月分" localSheetId="16">#REF!</definedName>
    <definedName name="第１表2011年２月分">#REF!</definedName>
    <definedName name="第１表2011年３月分" localSheetId="15">#REF!</definedName>
    <definedName name="第１表2011年３月分" localSheetId="16">#REF!</definedName>
    <definedName name="第１表2011年３月分">#REF!</definedName>
    <definedName name="第１表2011年４月分" localSheetId="15">#REF!</definedName>
    <definedName name="第１表2011年４月分" localSheetId="16">#REF!</definedName>
    <definedName name="第１表2011年４月分">#REF!</definedName>
    <definedName name="第１表2011年５月分" localSheetId="15">#REF!</definedName>
    <definedName name="第１表2011年５月分" localSheetId="16">#REF!</definedName>
    <definedName name="第１表2011年５月分">#REF!</definedName>
    <definedName name="第１表2011年６月分" localSheetId="15">#REF!</definedName>
    <definedName name="第１表2011年６月分" localSheetId="16">#REF!</definedName>
    <definedName name="第１表2011年６月分">#REF!</definedName>
    <definedName name="第１表2011年７月分" localSheetId="15">#REF!</definedName>
    <definedName name="第１表2011年７月分" localSheetId="16">#REF!</definedName>
    <definedName name="第１表2011年７月分">#REF!</definedName>
    <definedName name="第１表2011年８月分" localSheetId="15">#REF!</definedName>
    <definedName name="第１表2011年８月分" localSheetId="16">#REF!</definedName>
    <definedName name="第１表2011年８月分">#REF!</definedName>
    <definedName name="第１表2011年９月分" localSheetId="15">#REF!</definedName>
    <definedName name="第１表2011年９月分" localSheetId="16">#REF!</definedName>
    <definedName name="第１表2011年９月分">#REF!</definedName>
    <definedName name="第５表の１2011年10月分" localSheetId="15">#REF!</definedName>
    <definedName name="第５表の１2011年10月分" localSheetId="16">#REF!</definedName>
    <definedName name="第５表の１2011年10月分">#REF!</definedName>
    <definedName name="第５表の１2011年11月分" localSheetId="15">#REF!</definedName>
    <definedName name="第５表の１2011年11月分" localSheetId="16">#REF!</definedName>
    <definedName name="第５表の１2011年11月分">#REF!</definedName>
    <definedName name="第５表の１2011年12月分" localSheetId="15">#REF!</definedName>
    <definedName name="第５表の１2011年12月分" localSheetId="16">#REF!</definedName>
    <definedName name="第５表の１2011年12月分">#REF!</definedName>
    <definedName name="第５表の１2011年１月分" localSheetId="15">#REF!</definedName>
    <definedName name="第５表の１2011年１月分" localSheetId="16">#REF!</definedName>
    <definedName name="第５表の１2011年１月分">#REF!</definedName>
    <definedName name="第５表の１2011年２月分" localSheetId="15">#REF!</definedName>
    <definedName name="第５表の１2011年２月分" localSheetId="16">#REF!</definedName>
    <definedName name="第５表の１2011年２月分">#REF!</definedName>
    <definedName name="第５表の１2011年３月分" localSheetId="15">#REF!</definedName>
    <definedName name="第５表の１2011年３月分" localSheetId="16">#REF!</definedName>
    <definedName name="第５表の１2011年３月分">#REF!</definedName>
    <definedName name="第５表の１2011年４月分" localSheetId="15">#REF!</definedName>
    <definedName name="第５表の１2011年４月分" localSheetId="16">#REF!</definedName>
    <definedName name="第５表の１2011年４月分">#REF!</definedName>
    <definedName name="第５表の１2011年５月分" localSheetId="15">#REF!</definedName>
    <definedName name="第５表の１2011年５月分" localSheetId="16">#REF!</definedName>
    <definedName name="第５表の１2011年５月分">#REF!</definedName>
    <definedName name="第５表の１2011年６月分" localSheetId="15">#REF!</definedName>
    <definedName name="第５表の１2011年６月分" localSheetId="16">#REF!</definedName>
    <definedName name="第５表の１2011年６月分">#REF!</definedName>
    <definedName name="第５表の１2011年７月分" localSheetId="15">#REF!</definedName>
    <definedName name="第５表の１2011年７月分" localSheetId="16">#REF!</definedName>
    <definedName name="第５表の１2011年７月分">#REF!</definedName>
    <definedName name="第５表の１2011年８月分" localSheetId="15">#REF!</definedName>
    <definedName name="第５表の１2011年８月分" localSheetId="16">#REF!</definedName>
    <definedName name="第５表の１2011年８月分">#REF!</definedName>
    <definedName name="第５表の１2011年９月分" localSheetId="15">#REF!</definedName>
    <definedName name="第５表の１2011年９月分" localSheetId="16">#REF!</definedName>
    <definedName name="第５表の１2011年９月分">#REF!</definedName>
    <definedName name="第５表の２2011年10月分" localSheetId="15">#REF!</definedName>
    <definedName name="第５表の２2011年10月分" localSheetId="16">#REF!</definedName>
    <definedName name="第５表の２2011年10月分">#REF!</definedName>
    <definedName name="第５表の２2011年11月分" localSheetId="15">#REF!</definedName>
    <definedName name="第５表の２2011年11月分" localSheetId="16">#REF!</definedName>
    <definedName name="第５表の２2011年11月分">#REF!</definedName>
    <definedName name="第５表の２2011年12月分" localSheetId="15">#REF!</definedName>
    <definedName name="第５表の２2011年12月分" localSheetId="16">#REF!</definedName>
    <definedName name="第５表の２2011年12月分">#REF!</definedName>
    <definedName name="第５表の２2011年１月分" localSheetId="15">#REF!</definedName>
    <definedName name="第５表の２2011年１月分" localSheetId="16">#REF!</definedName>
    <definedName name="第５表の２2011年１月分">#REF!</definedName>
    <definedName name="第５表の２2011年２月分" localSheetId="15">#REF!</definedName>
    <definedName name="第５表の２2011年２月分" localSheetId="16">#REF!</definedName>
    <definedName name="第５表の２2011年２月分">#REF!</definedName>
    <definedName name="第５表の２2011年３月分" localSheetId="15">#REF!</definedName>
    <definedName name="第５表の２2011年３月分" localSheetId="16">#REF!</definedName>
    <definedName name="第５表の２2011年３月分">#REF!</definedName>
    <definedName name="第５表の２2011年４月分" localSheetId="15">#REF!</definedName>
    <definedName name="第５表の２2011年４月分" localSheetId="16">#REF!</definedName>
    <definedName name="第５表の２2011年４月分">#REF!</definedName>
    <definedName name="第５表の２2011年５月分" localSheetId="15">#REF!</definedName>
    <definedName name="第５表の２2011年５月分" localSheetId="16">#REF!</definedName>
    <definedName name="第５表の２2011年５月分">#REF!</definedName>
    <definedName name="第５表の２2011年６月分" localSheetId="15">#REF!</definedName>
    <definedName name="第５表の２2011年６月分" localSheetId="16">#REF!</definedName>
    <definedName name="第５表の２2011年６月分">#REF!</definedName>
    <definedName name="第５表の２2011年７月分" localSheetId="15">#REF!</definedName>
    <definedName name="第５表の２2011年７月分" localSheetId="16">#REF!</definedName>
    <definedName name="第５表の２2011年７月分">#REF!</definedName>
    <definedName name="第５表の２2011年８月分" localSheetId="15">#REF!</definedName>
    <definedName name="第５表の２2011年８月分" localSheetId="16">#REF!</definedName>
    <definedName name="第５表の２2011年８月分">#REF!</definedName>
    <definedName name="第５表の２2011年９月分" localSheetId="15">#REF!</definedName>
    <definedName name="第５表の２2011年９月分" localSheetId="16">#REF!</definedName>
    <definedName name="第５表の２2011年９月分">#REF!</definedName>
    <definedName name="平成23年１月" localSheetId="15">#REF!</definedName>
    <definedName name="平成23年１月" localSheetId="16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9" uniqueCount="233">
  <si>
    <t>年次別人口・人口増減及び世帯数</t>
    <rPh sb="0" eb="3">
      <t>ネンジベツ</t>
    </rPh>
    <rPh sb="3" eb="5">
      <t>ジンコウ</t>
    </rPh>
    <rPh sb="6" eb="8">
      <t>ジンコウ</t>
    </rPh>
    <rPh sb="8" eb="10">
      <t>ゾウゲン</t>
    </rPh>
    <rPh sb="10" eb="11">
      <t>オヨ</t>
    </rPh>
    <rPh sb="12" eb="15">
      <t>セタイスウ</t>
    </rPh>
    <phoneticPr fontId="2"/>
  </si>
  <si>
    <t>第１表</t>
    <rPh sb="0" eb="1">
      <t>ダイ</t>
    </rPh>
    <rPh sb="2" eb="3">
      <t>ヒョウ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年　　間
人口増減</t>
    <rPh sb="0" eb="1">
      <t>トシ</t>
    </rPh>
    <rPh sb="3" eb="4">
      <t>アイダ</t>
    </rPh>
    <rPh sb="5" eb="9">
      <t>ジンコウゾウゲン</t>
    </rPh>
    <phoneticPr fontId="2"/>
  </si>
  <si>
    <t>世帯数</t>
    <rPh sb="0" eb="3">
      <t>セタイスウ</t>
    </rPh>
    <phoneticPr fontId="2"/>
  </si>
  <si>
    <t>１世帯
当たり
人　員</t>
    <rPh sb="1" eb="3">
      <t>セタイ</t>
    </rPh>
    <rPh sb="4" eb="5">
      <t>ア</t>
    </rPh>
    <rPh sb="8" eb="9">
      <t>ニン</t>
    </rPh>
    <rPh sb="10" eb="11">
      <t>イ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増減率</t>
    <rPh sb="0" eb="3">
      <t>ゾウゲンリツ</t>
    </rPh>
    <phoneticPr fontId="2"/>
  </si>
  <si>
    <t>人</t>
    <rPh sb="0" eb="1">
      <t>ヒト</t>
    </rPh>
    <phoneticPr fontId="2"/>
  </si>
  <si>
    <t>％</t>
    <phoneticPr fontId="2"/>
  </si>
  <si>
    <t>世帯</t>
    <rPh sb="0" eb="2">
      <t>セタイ</t>
    </rPh>
    <phoneticPr fontId="2"/>
  </si>
  <si>
    <t>33(1958)</t>
  </si>
  <si>
    <t>－</t>
  </si>
  <si>
    <t>令和4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(注)人口・世帯数及び1世帯当たり人員は各年１月１日現在。他は年間の増減数。</t>
    <rPh sb="1" eb="2">
      <t>チュウ</t>
    </rPh>
    <rPh sb="3" eb="5">
      <t>ジンコウ</t>
    </rPh>
    <rPh sb="6" eb="9">
      <t>セタイスウ</t>
    </rPh>
    <rPh sb="9" eb="10">
      <t>オヨ</t>
    </rPh>
    <rPh sb="12" eb="14">
      <t>セタイ</t>
    </rPh>
    <rPh sb="14" eb="15">
      <t>ア</t>
    </rPh>
    <rPh sb="17" eb="19">
      <t>ジンイン</t>
    </rPh>
    <rPh sb="20" eb="22">
      <t>カクネン</t>
    </rPh>
    <rPh sb="23" eb="24">
      <t>ツキ</t>
    </rPh>
    <rPh sb="25" eb="26">
      <t>ヒ</t>
    </rPh>
    <rPh sb="26" eb="28">
      <t>ゲンザイ</t>
    </rPh>
    <rPh sb="29" eb="30">
      <t>ホカ</t>
    </rPh>
    <rPh sb="31" eb="33">
      <t>ネンカン</t>
    </rPh>
    <rPh sb="34" eb="36">
      <t>ゾウゲン</t>
    </rPh>
    <rPh sb="36" eb="37">
      <t>スウ</t>
    </rPh>
    <phoneticPr fontId="2"/>
  </si>
  <si>
    <t>40(1965)</t>
  </si>
  <si>
    <t>35(1960)</t>
    <phoneticPr fontId="2"/>
  </si>
  <si>
    <t>年次別人口増減</t>
    <rPh sb="0" eb="3">
      <t>ネンジベツ</t>
    </rPh>
    <rPh sb="3" eb="7">
      <t>ジンコウゾウゲン</t>
    </rPh>
    <phoneticPr fontId="2"/>
  </si>
  <si>
    <t>第２表</t>
    <rPh sb="0" eb="1">
      <t>ダイ</t>
    </rPh>
    <rPh sb="2" eb="3">
      <t>ヒョウ</t>
    </rPh>
    <phoneticPr fontId="2"/>
  </si>
  <si>
    <t>出生率</t>
    <rPh sb="0" eb="3">
      <t>シュッセイリツ</t>
    </rPh>
    <phoneticPr fontId="2"/>
  </si>
  <si>
    <t>死亡率</t>
    <rPh sb="0" eb="3">
      <t>シボウリツ</t>
    </rPh>
    <phoneticPr fontId="2"/>
  </si>
  <si>
    <t>出生</t>
    <rPh sb="0" eb="2">
      <t>シュッセイ</t>
    </rPh>
    <phoneticPr fontId="2"/>
  </si>
  <si>
    <t>死亡</t>
    <rPh sb="0" eb="2">
      <t>シボウ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令和3年</t>
  </si>
  <si>
    <t>(注1)転入・転出には、県内市区町村間の移動を含む。</t>
    <rPh sb="1" eb="2">
      <t>チュウ</t>
    </rPh>
    <rPh sb="4" eb="6">
      <t>テンニュウ</t>
    </rPh>
    <rPh sb="7" eb="9">
      <t>テンシュツ</t>
    </rPh>
    <rPh sb="12" eb="19">
      <t>ケンナイシクチョウソンカン</t>
    </rPh>
    <rPh sb="20" eb="22">
      <t>イドウ</t>
    </rPh>
    <rPh sb="23" eb="24">
      <t>フク</t>
    </rPh>
    <phoneticPr fontId="2"/>
  </si>
  <si>
    <t>(注2)出生率：年央人口(７月１日現在の人口)1,000人当りの年間出生数。</t>
    <rPh sb="1" eb="2">
      <t>チュウ</t>
    </rPh>
    <rPh sb="4" eb="7">
      <t>シュッセイ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2" eb="37">
      <t>ネンカンシュッセイスウ</t>
    </rPh>
    <phoneticPr fontId="2"/>
  </si>
  <si>
    <t>(注3)死亡率：年央人口(７月１日現在の人口)1,000人当りの年間死亡数。</t>
    <rPh sb="1" eb="2">
      <t>チュウ</t>
    </rPh>
    <rPh sb="4" eb="7">
      <t>シボウ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2" eb="34">
      <t>ネンカン</t>
    </rPh>
    <rPh sb="34" eb="37">
      <t>シボウスウ</t>
    </rPh>
    <phoneticPr fontId="2"/>
  </si>
  <si>
    <t>年次別移動人口（社会増減）</t>
    <rPh sb="0" eb="3">
      <t>ネンジベツ</t>
    </rPh>
    <rPh sb="3" eb="5">
      <t>イドウ</t>
    </rPh>
    <rPh sb="5" eb="7">
      <t>ジンコウ</t>
    </rPh>
    <rPh sb="8" eb="10">
      <t>シャカイ</t>
    </rPh>
    <rPh sb="10" eb="12">
      <t>ゾウゲン</t>
    </rPh>
    <phoneticPr fontId="2"/>
  </si>
  <si>
    <t>第３表</t>
    <rPh sb="0" eb="1">
      <t>ダイ</t>
    </rPh>
    <rPh sb="2" eb="3">
      <t>ヒョウ</t>
    </rPh>
    <phoneticPr fontId="2"/>
  </si>
  <si>
    <t>転　　入</t>
    <rPh sb="0" eb="1">
      <t>テン</t>
    </rPh>
    <rPh sb="3" eb="4">
      <t>イ</t>
    </rPh>
    <phoneticPr fontId="2"/>
  </si>
  <si>
    <t>転　　出</t>
    <rPh sb="0" eb="1">
      <t>テン</t>
    </rPh>
    <rPh sb="3" eb="4">
      <t>デ</t>
    </rPh>
    <phoneticPr fontId="2"/>
  </si>
  <si>
    <t>総数</t>
    <rPh sb="0" eb="2">
      <t>ソウスウ</t>
    </rPh>
    <phoneticPr fontId="2"/>
  </si>
  <si>
    <t>県外</t>
    <rPh sb="0" eb="2">
      <t>ケンガイ</t>
    </rPh>
    <phoneticPr fontId="2"/>
  </si>
  <si>
    <t>県内</t>
    <rPh sb="0" eb="2">
      <t>ケンナイ</t>
    </rPh>
    <phoneticPr fontId="2"/>
  </si>
  <si>
    <t>その他</t>
    <rPh sb="2" eb="3">
      <t>タ</t>
    </rPh>
    <phoneticPr fontId="2"/>
  </si>
  <si>
    <t xml:space="preserve">(注)「その他」は、住民基本台帳法施行令の規定により、職権で住民票へ記載された者又は住民票から消除された者の数等。
 </t>
    <rPh sb="55" eb="56">
      <t>トウ</t>
    </rPh>
    <phoneticPr fontId="2"/>
  </si>
  <si>
    <t>月別人口増減</t>
    <rPh sb="0" eb="2">
      <t>ツキベツ</t>
    </rPh>
    <rPh sb="2" eb="4">
      <t>ジンコウ</t>
    </rPh>
    <rPh sb="4" eb="6">
      <t>ゾウゲン</t>
    </rPh>
    <phoneticPr fontId="2"/>
  </si>
  <si>
    <t>第４表</t>
    <rPh sb="0" eb="1">
      <t>ダイ</t>
    </rPh>
    <rPh sb="2" eb="3">
      <t>ヒョウ</t>
    </rPh>
    <phoneticPr fontId="2"/>
  </si>
  <si>
    <t>(令和3年中)</t>
  </si>
  <si>
    <t>月別</t>
    <rPh sb="0" eb="2">
      <t>ツキベツ</t>
    </rPh>
    <phoneticPr fontId="2"/>
  </si>
  <si>
    <t>人口増減</t>
    <rPh sb="0" eb="2">
      <t>ジンコウ</t>
    </rPh>
    <rPh sb="2" eb="4">
      <t>ゾウゲン</t>
    </rPh>
    <phoneticPr fontId="2"/>
  </si>
  <si>
    <t>計</t>
    <rPh sb="0" eb="1">
      <t>ケイ</t>
    </rPh>
    <phoneticPr fontId="2"/>
  </si>
  <si>
    <t>１月中</t>
    <rPh sb="1" eb="2">
      <t>ツキ</t>
    </rPh>
    <rPh sb="2" eb="3">
      <t>ナカ</t>
    </rPh>
    <phoneticPr fontId="2"/>
  </si>
  <si>
    <t>２月中</t>
    <rPh sb="2" eb="3">
      <t>ナカ</t>
    </rPh>
    <phoneticPr fontId="2"/>
  </si>
  <si>
    <t>３月中</t>
    <rPh sb="2" eb="3">
      <t>ナカ</t>
    </rPh>
    <phoneticPr fontId="2"/>
  </si>
  <si>
    <t>４月中</t>
    <rPh sb="2" eb="3">
      <t>ナカ</t>
    </rPh>
    <phoneticPr fontId="2"/>
  </si>
  <si>
    <t>５月中</t>
    <rPh sb="2" eb="3">
      <t>チュウ</t>
    </rPh>
    <phoneticPr fontId="2"/>
  </si>
  <si>
    <t>６月中</t>
    <rPh sb="2" eb="3">
      <t>ナカ</t>
    </rPh>
    <phoneticPr fontId="2"/>
  </si>
  <si>
    <t>７月中</t>
    <rPh sb="2" eb="3">
      <t>ナカ</t>
    </rPh>
    <phoneticPr fontId="2"/>
  </si>
  <si>
    <t>８月中</t>
    <rPh sb="2" eb="3">
      <t>ナカ</t>
    </rPh>
    <phoneticPr fontId="2"/>
  </si>
  <si>
    <t>９月中</t>
    <rPh sb="2" eb="3">
      <t>ナカ</t>
    </rPh>
    <phoneticPr fontId="2"/>
  </si>
  <si>
    <t>１０月中</t>
    <rPh sb="3" eb="4">
      <t>ナカ</t>
    </rPh>
    <phoneticPr fontId="2"/>
  </si>
  <si>
    <t>１１月中</t>
    <rPh sb="3" eb="4">
      <t>ナカ</t>
    </rPh>
    <phoneticPr fontId="2"/>
  </si>
  <si>
    <t>１２月中</t>
    <rPh sb="3" eb="4">
      <t>ナカ</t>
    </rPh>
    <phoneticPr fontId="2"/>
  </si>
  <si>
    <t>(注)転入・転出には、県内市区町村間の移動を含む。</t>
    <phoneticPr fontId="2"/>
  </si>
  <si>
    <t>年次別月別人口</t>
    <rPh sb="0" eb="3">
      <t>ネンジベツ</t>
    </rPh>
    <rPh sb="3" eb="5">
      <t>ツキベツ</t>
    </rPh>
    <rPh sb="5" eb="7">
      <t>ジンコウ</t>
    </rPh>
    <phoneticPr fontId="2"/>
  </si>
  <si>
    <t>第５表</t>
    <rPh sb="0" eb="1">
      <t>ダイ</t>
    </rPh>
    <rPh sb="2" eb="3">
      <t>ヒョウ</t>
    </rPh>
    <phoneticPr fontId="2"/>
  </si>
  <si>
    <t>(単位：人)</t>
    <rPh sb="1" eb="3">
      <t>タンイ</t>
    </rPh>
    <rPh sb="4" eb="5">
      <t>ニン</t>
    </rPh>
    <phoneticPr fontId="2"/>
  </si>
  <si>
    <t>年月</t>
    <rPh sb="0" eb="2">
      <t>ネンゲツ</t>
    </rPh>
    <phoneticPr fontId="2"/>
  </si>
  <si>
    <t>１月</t>
    <rPh sb="1" eb="2">
      <t>ツキ</t>
    </rPh>
    <phoneticPr fontId="2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33(1958)</t>
    <phoneticPr fontId="2"/>
  </si>
  <si>
    <t>市区町村別人口増減及び増減率</t>
    <phoneticPr fontId="2"/>
  </si>
  <si>
    <t>第６表</t>
    <rPh sb="0" eb="1">
      <t>ダイ</t>
    </rPh>
    <rPh sb="2" eb="3">
      <t>ヒョウ</t>
    </rPh>
    <phoneticPr fontId="2"/>
  </si>
  <si>
    <t>市区町村名</t>
    <rPh sb="0" eb="5">
      <t>シクチョウソンメイ</t>
    </rPh>
    <phoneticPr fontId="2"/>
  </si>
  <si>
    <t>人口増減</t>
    <rPh sb="0" eb="4">
      <t>ジンコウゾウゲン</t>
    </rPh>
    <phoneticPr fontId="2"/>
  </si>
  <si>
    <t>対前年増減率</t>
    <rPh sb="0" eb="3">
      <t>タイゼンネン</t>
    </rPh>
    <rPh sb="3" eb="6">
      <t>ゾウゲンリツ</t>
    </rPh>
    <phoneticPr fontId="2"/>
  </si>
  <si>
    <t>自然増減</t>
    <rPh sb="0" eb="2">
      <t>シゼン</t>
    </rPh>
    <rPh sb="2" eb="4">
      <t>ゾウゲン</t>
    </rPh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(注)転入・転出には、県内市区町村間の移動を含む。</t>
    <rPh sb="1" eb="2">
      <t>チュウ</t>
    </rPh>
    <rPh sb="3" eb="5">
      <t>テンニュウ</t>
    </rPh>
    <rPh sb="6" eb="8">
      <t>テンシュツ</t>
    </rPh>
    <rPh sb="11" eb="18">
      <t>ケンナイシクチョウソンカン</t>
    </rPh>
    <rPh sb="19" eb="21">
      <t>イドウ</t>
    </rPh>
    <rPh sb="22" eb="23">
      <t>フク</t>
    </rPh>
    <phoneticPr fontId="2"/>
  </si>
  <si>
    <t>市区町村別移動人口</t>
    <rPh sb="5" eb="7">
      <t>イドウ</t>
    </rPh>
    <rPh sb="7" eb="9">
      <t>ジンコウ</t>
    </rPh>
    <phoneticPr fontId="2"/>
  </si>
  <si>
    <t>第７表</t>
    <rPh sb="0" eb="1">
      <t>ダイ</t>
    </rPh>
    <rPh sb="2" eb="3">
      <t>ヒョウ</t>
    </rPh>
    <phoneticPr fontId="2"/>
  </si>
  <si>
    <t>転　　入</t>
    <phoneticPr fontId="2"/>
  </si>
  <si>
    <t>転　　出</t>
    <phoneticPr fontId="2"/>
  </si>
  <si>
    <t>(注)「その他」は、住民基本台帳法施行令の規定により、職権で住民票へ記載された者又は住民票から消除された者の数。</t>
    <rPh sb="6" eb="7">
      <t>ホカ</t>
    </rPh>
    <rPh sb="10" eb="12">
      <t>ジュウミン</t>
    </rPh>
    <rPh sb="12" eb="14">
      <t>キホン</t>
    </rPh>
    <rPh sb="14" eb="16">
      <t>ダイチョウ</t>
    </rPh>
    <rPh sb="16" eb="17">
      <t>ホウ</t>
    </rPh>
    <rPh sb="17" eb="19">
      <t>セコウ</t>
    </rPh>
    <rPh sb="19" eb="20">
      <t>レイ</t>
    </rPh>
    <rPh sb="21" eb="23">
      <t>キテイ</t>
    </rPh>
    <rPh sb="27" eb="29">
      <t>ショッケン</t>
    </rPh>
    <rPh sb="30" eb="33">
      <t>ジュウミンヒョウ</t>
    </rPh>
    <rPh sb="34" eb="36">
      <t>キサイ</t>
    </rPh>
    <rPh sb="39" eb="40">
      <t>モノ</t>
    </rPh>
    <rPh sb="40" eb="41">
      <t>マタ</t>
    </rPh>
    <rPh sb="42" eb="45">
      <t>ジュウミンヒョウ</t>
    </rPh>
    <rPh sb="47" eb="48">
      <t>ショウ</t>
    </rPh>
    <rPh sb="48" eb="49">
      <t>ジョ</t>
    </rPh>
    <rPh sb="52" eb="53">
      <t>モノ</t>
    </rPh>
    <rPh sb="54" eb="55">
      <t>カズ</t>
    </rPh>
    <phoneticPr fontId="2"/>
  </si>
  <si>
    <t>月別市区町村別人口及び世帯数　(1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第８表</t>
    <rPh sb="0" eb="1">
      <t>ダイ</t>
    </rPh>
    <rPh sb="2" eb="3">
      <t>ヒョウ</t>
    </rPh>
    <phoneticPr fontId="2"/>
  </si>
  <si>
    <t>令和3年１月１日</t>
  </si>
  <si>
    <t>令和3年２月１日</t>
  </si>
  <si>
    <t>総人口</t>
    <rPh sb="0" eb="1">
      <t>ソウ</t>
    </rPh>
    <rPh sb="1" eb="3">
      <t>ジンコ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総人口</t>
    <rPh sb="0" eb="3">
      <t>ソウジンコウ</t>
    </rPh>
    <phoneticPr fontId="2"/>
  </si>
  <si>
    <t>月別市区町村別人口及び世帯数　(2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３月１日</t>
  </si>
  <si>
    <t>令和3年４月１日</t>
  </si>
  <si>
    <t>月別市区町村別人口及び世帯数　(3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５月１日</t>
  </si>
  <si>
    <t>令和3年６月１日</t>
  </si>
  <si>
    <t>月別市区町村別人口及び世帯数　(4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７月１日</t>
  </si>
  <si>
    <t>令和3年８月１日</t>
  </si>
  <si>
    <t>月別市区町村別人口及び世帯数　(5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９月１日</t>
  </si>
  <si>
    <t>令和3年10月１日</t>
  </si>
  <si>
    <t>月別市区町村別人口及び世帯数　(6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令和3年11月１日</t>
  </si>
  <si>
    <t>令和3年12月１日</t>
  </si>
  <si>
    <t>月別地域別人口(令和3年)</t>
    <phoneticPr fontId="2"/>
  </si>
  <si>
    <t>第９表</t>
    <rPh sb="0" eb="1">
      <t>ダイ</t>
    </rPh>
    <rPh sb="2" eb="3">
      <t>ヒョウ</t>
    </rPh>
    <phoneticPr fontId="2"/>
  </si>
  <si>
    <t>地　　域</t>
    <rPh sb="0" eb="1">
      <t>チ</t>
    </rPh>
    <rPh sb="3" eb="4">
      <t>イキ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横須賀三浦</t>
    <rPh sb="0" eb="5">
      <t>ヨコスカミウラ</t>
    </rPh>
    <phoneticPr fontId="2"/>
  </si>
  <si>
    <t>葉山町</t>
    <rPh sb="0" eb="3">
      <t>ハヤママチ</t>
    </rPh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茅ヶ崎市</t>
    <phoneticPr fontId="2"/>
  </si>
  <si>
    <t>寒川町</t>
    <rPh sb="0" eb="3">
      <t>サムカワマチ</t>
    </rPh>
    <phoneticPr fontId="2"/>
  </si>
  <si>
    <t>県西</t>
    <rPh sb="0" eb="2">
      <t>ケンセイ</t>
    </rPh>
    <phoneticPr fontId="2"/>
  </si>
  <si>
    <t>地域別人口増減及び増減率</t>
    <rPh sb="0" eb="5">
      <t>チイキベツジンコウ</t>
    </rPh>
    <rPh sb="5" eb="8">
      <t>ゾウゲンオヨ</t>
    </rPh>
    <rPh sb="9" eb="11">
      <t>ゾウゲン</t>
    </rPh>
    <rPh sb="11" eb="12">
      <t>リツ</t>
    </rPh>
    <phoneticPr fontId="2"/>
  </si>
  <si>
    <t>第10表</t>
    <rPh sb="0" eb="1">
      <t>ダイ</t>
    </rPh>
    <rPh sb="3" eb="4">
      <t>ヒョウ</t>
    </rPh>
    <phoneticPr fontId="2"/>
  </si>
  <si>
    <t>地域（※）</t>
    <rPh sb="0" eb="2">
      <t>チイキ</t>
    </rPh>
    <phoneticPr fontId="2"/>
  </si>
  <si>
    <t>人口総数
割合</t>
    <rPh sb="0" eb="2">
      <t>ジンコウ</t>
    </rPh>
    <rPh sb="2" eb="4">
      <t>ソウスウ</t>
    </rPh>
    <rPh sb="5" eb="7">
      <t>ワリアイ</t>
    </rPh>
    <phoneticPr fontId="2"/>
  </si>
  <si>
    <t>年　　間
人口増減</t>
    <rPh sb="0" eb="1">
      <t>トシ</t>
    </rPh>
    <rPh sb="3" eb="4">
      <t>アイダ</t>
    </rPh>
    <rPh sb="5" eb="7">
      <t>ジンコウ</t>
    </rPh>
    <rPh sb="7" eb="9">
      <t>ゾウゲン</t>
    </rPh>
    <phoneticPr fontId="2"/>
  </si>
  <si>
    <t>(注)人口は令和4年１月１日現在。</t>
    <phoneticPr fontId="2"/>
  </si>
  <si>
    <t>※地域(令和4年１月１日現在)</t>
  </si>
  <si>
    <t>・・・・・・・・・・</t>
    <phoneticPr fontId="2"/>
  </si>
  <si>
    <t>横須賀市、鎌倉市、逗子市、三浦市、葉山町</t>
    <rPh sb="0" eb="4">
      <t>ヨコスカシ</t>
    </rPh>
    <rPh sb="5" eb="8">
      <t>カマクラシ</t>
    </rPh>
    <rPh sb="9" eb="12">
      <t>ズシシ</t>
    </rPh>
    <rPh sb="13" eb="16">
      <t>ミウラシ</t>
    </rPh>
    <rPh sb="17" eb="20">
      <t>ハヤママチ</t>
    </rPh>
    <phoneticPr fontId="2"/>
  </si>
  <si>
    <t>相模原市、厚木市、大和市、海老名市、座間市、綾瀬市、愛川町、清川村</t>
    <rPh sb="0" eb="4">
      <t>サガミハラシ</t>
    </rPh>
    <rPh sb="5" eb="8">
      <t>アツギシ</t>
    </rPh>
    <rPh sb="9" eb="12">
      <t>ヤマトシ</t>
    </rPh>
    <rPh sb="13" eb="17">
      <t>エビナシ</t>
    </rPh>
    <rPh sb="18" eb="21">
      <t>ザマシ</t>
    </rPh>
    <rPh sb="22" eb="25">
      <t>アヤセシ</t>
    </rPh>
    <rPh sb="26" eb="29">
      <t>アイカワマチ</t>
    </rPh>
    <rPh sb="30" eb="33">
      <t>キヨカワムラ</t>
    </rPh>
    <phoneticPr fontId="2"/>
  </si>
  <si>
    <t>平塚市、藤沢市、茅ヶ崎市、秦野市、伊勢原市、寒川町、大磯町、二宮町</t>
    <rPh sb="0" eb="3">
      <t>ヒラツカシ</t>
    </rPh>
    <rPh sb="4" eb="7">
      <t>フジサワシ</t>
    </rPh>
    <rPh sb="13" eb="16">
      <t>ハダノシ</t>
    </rPh>
    <rPh sb="17" eb="21">
      <t>イセハラシ</t>
    </rPh>
    <rPh sb="22" eb="25">
      <t>サムカワマチ</t>
    </rPh>
    <rPh sb="26" eb="29">
      <t>オオイソマチ</t>
    </rPh>
    <rPh sb="30" eb="33">
      <t>ニノミヤマチ</t>
    </rPh>
    <phoneticPr fontId="2"/>
  </si>
  <si>
    <t>小田原市、南足柄市、中井町、大井町、松田町、山北町、開成町、箱根町、真鶴町、湯河原町</t>
    <rPh sb="0" eb="4">
      <t>オダワラシ</t>
    </rPh>
    <rPh sb="5" eb="9">
      <t>ミナミアシガラシ</t>
    </rPh>
    <rPh sb="10" eb="13">
      <t>ナカイマチ</t>
    </rPh>
    <rPh sb="14" eb="17">
      <t>オオイマチ</t>
    </rPh>
    <rPh sb="18" eb="21">
      <t>マツダマチ</t>
    </rPh>
    <rPh sb="22" eb="25">
      <t>ヤマキタマチ</t>
    </rPh>
    <rPh sb="26" eb="29">
      <t>カイセイマチ</t>
    </rPh>
    <rPh sb="30" eb="33">
      <t>ハコネマチ</t>
    </rPh>
    <rPh sb="34" eb="37">
      <t>マナヅルマチ</t>
    </rPh>
    <rPh sb="38" eb="42">
      <t>ユガワラマチ</t>
    </rPh>
    <phoneticPr fontId="2"/>
  </si>
  <si>
    <t>人口と世帯</t>
    <rPh sb="0" eb="2">
      <t>ジンコウ</t>
    </rPh>
    <rPh sb="3" eb="5">
      <t>セタイ</t>
    </rPh>
    <phoneticPr fontId="2"/>
  </si>
  <si>
    <t>参考１</t>
    <rPh sb="0" eb="2">
      <t>サンコウ</t>
    </rPh>
    <phoneticPr fontId="2"/>
  </si>
  <si>
    <t>令和4年１月１日現在</t>
  </si>
  <si>
    <t>１世帯
当たり人員</t>
    <rPh sb="1" eb="3">
      <t>セタイ</t>
    </rPh>
    <rPh sb="4" eb="5">
      <t>ア</t>
    </rPh>
    <rPh sb="7" eb="9">
      <t>ジンイン</t>
    </rPh>
    <phoneticPr fontId="2"/>
  </si>
  <si>
    <r>
      <t>人口密度
(1km</t>
    </r>
    <r>
      <rPr>
        <vertAlign val="superscript"/>
        <sz val="8"/>
        <color theme="1"/>
        <rFont val="HGPｺﾞｼｯｸM"/>
        <family val="3"/>
        <charset val="128"/>
      </rPr>
      <t>2</t>
    </r>
    <r>
      <rPr>
        <sz val="8"/>
        <color theme="1"/>
        <rFont val="HGPｺﾞｼｯｸM"/>
        <family val="3"/>
        <charset val="128"/>
      </rPr>
      <t>)</t>
    </r>
    <rPh sb="0" eb="2">
      <t>ジンコウ</t>
    </rPh>
    <rPh sb="2" eb="4">
      <t>ミツド</t>
    </rPh>
    <phoneticPr fontId="2"/>
  </si>
  <si>
    <t>女性100人
につき男性</t>
    <rPh sb="0" eb="2">
      <t>ジョセイ</t>
    </rPh>
    <rPh sb="5" eb="6">
      <t>ニン</t>
    </rPh>
    <rPh sb="10" eb="12">
      <t>ダンセイ</t>
    </rPh>
    <phoneticPr fontId="2"/>
  </si>
  <si>
    <t>人口総数
割合</t>
    <rPh sb="0" eb="4">
      <t>ジンコウソウスウ</t>
    </rPh>
    <rPh sb="5" eb="7">
      <t>ワリアイ</t>
    </rPh>
    <phoneticPr fontId="2"/>
  </si>
  <si>
    <r>
      <rPr>
        <sz val="8"/>
        <color rgb="FF000000"/>
        <rFont val="Calibri"/>
        <family val="2"/>
      </rPr>
      <t>(</t>
    </r>
    <r>
      <rPr>
        <sz val="8"/>
        <color rgb="FF000000"/>
        <rFont val="HGPｺﾞｼｯｸM"/>
        <family val="3"/>
        <charset val="128"/>
      </rPr>
      <t>注</t>
    </r>
    <r>
      <rPr>
        <sz val="8"/>
        <color rgb="FF000000"/>
        <rFont val="Calibri"/>
        <family val="2"/>
      </rPr>
      <t>)</t>
    </r>
    <r>
      <rPr>
        <sz val="8"/>
        <color rgb="FF000000"/>
        <rFont val="HGPｺﾞｼｯｸM"/>
        <family val="3"/>
        <charset val="128"/>
      </rPr>
      <t>人口密度は、国土交通省国土地理院「全国都道府県市区町村別面積調（令和２年</t>
    </r>
    <r>
      <rPr>
        <sz val="8"/>
        <color rgb="FF000000"/>
        <rFont val="Calibri"/>
        <family val="2"/>
      </rPr>
      <t>10</t>
    </r>
    <r>
      <rPr>
        <sz val="8"/>
        <color rgb="FF000000"/>
        <rFont val="HGPｺﾞｼｯｸM"/>
        <family val="3"/>
        <charset val="128"/>
      </rPr>
      <t>月</t>
    </r>
    <r>
      <rPr>
        <sz val="8"/>
        <color rgb="FF000000"/>
        <rFont val="Calibri"/>
        <family val="2"/>
      </rPr>
      <t>1</t>
    </r>
    <r>
      <rPr>
        <sz val="8"/>
        <color rgb="FF000000"/>
        <rFont val="HGPｺﾞｼｯｸM"/>
        <family val="3"/>
        <charset val="128"/>
      </rPr>
      <t>日現在）」の数値に基づき算定。</t>
    </r>
    <rPh sb="35" eb="37">
      <t>レイワ</t>
    </rPh>
    <phoneticPr fontId="2"/>
  </si>
  <si>
    <t>国勢調査結果による人口と世帯の推移</t>
    <rPh sb="0" eb="6">
      <t>コクセイチョウサケッカ</t>
    </rPh>
    <rPh sb="9" eb="11">
      <t>ジンコウ</t>
    </rPh>
    <rPh sb="12" eb="14">
      <t>セタイ</t>
    </rPh>
    <rPh sb="15" eb="17">
      <t>スイイ</t>
    </rPh>
    <phoneticPr fontId="2"/>
  </si>
  <si>
    <t>参考２</t>
    <rPh sb="0" eb="2">
      <t>サンコウ</t>
    </rPh>
    <phoneticPr fontId="2"/>
  </si>
  <si>
    <t>前回調査に対する増減</t>
    <rPh sb="0" eb="4">
      <t>ゼンカイチョウサ</t>
    </rPh>
    <rPh sb="5" eb="6">
      <t>タイ</t>
    </rPh>
    <rPh sb="8" eb="10">
      <t>ゾウゲン</t>
    </rPh>
    <phoneticPr fontId="2"/>
  </si>
  <si>
    <t>１世帯当たり人員</t>
    <rPh sb="1" eb="3">
      <t>セタイ</t>
    </rPh>
    <rPh sb="3" eb="4">
      <t>ア</t>
    </rPh>
    <rPh sb="6" eb="8">
      <t>ジンイン</t>
    </rPh>
    <phoneticPr fontId="2"/>
  </si>
  <si>
    <t>世帯増減</t>
    <rPh sb="0" eb="4">
      <t>セタイゾウゲン</t>
    </rPh>
    <phoneticPr fontId="2"/>
  </si>
  <si>
    <t>人</t>
    <rPh sb="0" eb="1">
      <t>ニン</t>
    </rPh>
    <phoneticPr fontId="2"/>
  </si>
  <si>
    <t>％</t>
  </si>
  <si>
    <t>昭和22年10月1日
（臨時国勢調査）</t>
    <rPh sb="0" eb="2">
      <t>ショウワ</t>
    </rPh>
    <rPh sb="4" eb="5">
      <t>ネン</t>
    </rPh>
    <rPh sb="7" eb="8">
      <t>ガツ</t>
    </rPh>
    <rPh sb="9" eb="10">
      <t>ニチ</t>
    </rPh>
    <rPh sb="12" eb="14">
      <t>リンジ</t>
    </rPh>
    <rPh sb="14" eb="16">
      <t>コクセイ</t>
    </rPh>
    <rPh sb="16" eb="18">
      <t>チョウサ</t>
    </rPh>
    <phoneticPr fontId="16"/>
  </si>
  <si>
    <t>―</t>
    <phoneticPr fontId="2"/>
  </si>
  <si>
    <t>―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_ "/>
    <numFmt numFmtId="177" formatCode="0.00_ ;\-0.00\ "/>
    <numFmt numFmtId="178" formatCode="#,##0.00_ "/>
    <numFmt numFmtId="179" formatCode="0.0_ "/>
    <numFmt numFmtId="180" formatCode="0.0_);[Red]\(0.0\)"/>
    <numFmt numFmtId="181" formatCode="#,##0.0_ "/>
  </numFmts>
  <fonts count="17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sz val="8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6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b/>
      <sz val="8"/>
      <name val="HGPｺﾞｼｯｸM"/>
      <family val="3"/>
      <charset val="128"/>
    </font>
    <font>
      <sz val="12"/>
      <name val="ＭＳ 明朝"/>
      <family val="2"/>
      <charset val="128"/>
    </font>
    <font>
      <vertAlign val="superscript"/>
      <sz val="8"/>
      <color theme="1"/>
      <name val="HGPｺﾞｼｯｸM"/>
      <family val="3"/>
      <charset val="128"/>
    </font>
    <font>
      <sz val="8"/>
      <color rgb="FF000000"/>
      <name val="HGPｺﾞｼｯｸM"/>
      <family val="3"/>
      <charset val="128"/>
    </font>
    <font>
      <sz val="8"/>
      <color rgb="FF000000"/>
      <name val="Calibri"/>
      <family val="2"/>
    </font>
    <font>
      <sz val="7"/>
      <color rgb="FF000000"/>
      <name val="HGPｺﾞｼｯｸM"/>
      <family val="3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19" xfId="0" applyFont="1" applyBorder="1">
      <alignment vertical="center"/>
    </xf>
    <xf numFmtId="0" fontId="3" fillId="0" borderId="0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0" fontId="3" fillId="0" borderId="11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4" fillId="2" borderId="7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5" fillId="2" borderId="0" xfId="0" applyFont="1" applyFill="1" applyBorder="1">
      <alignment vertical="center"/>
    </xf>
    <xf numFmtId="176" fontId="5" fillId="2" borderId="8" xfId="0" applyNumberFormat="1" applyFont="1" applyFill="1" applyBorder="1">
      <alignment vertical="center"/>
    </xf>
    <xf numFmtId="176" fontId="5" fillId="2" borderId="8" xfId="0" applyNumberFormat="1" applyFont="1" applyFill="1" applyBorder="1" applyAlignment="1">
      <alignment horizontal="center" vertical="center"/>
    </xf>
    <xf numFmtId="177" fontId="5" fillId="2" borderId="8" xfId="0" applyNumberFormat="1" applyFont="1" applyFill="1" applyBorder="1" applyAlignment="1">
      <alignment horizontal="center" vertical="center"/>
    </xf>
    <xf numFmtId="176" fontId="5" fillId="2" borderId="0" xfId="0" applyNumberFormat="1" applyFont="1" applyFill="1" applyBorder="1">
      <alignment vertical="center"/>
    </xf>
    <xf numFmtId="178" fontId="5" fillId="2" borderId="13" xfId="0" applyNumberFormat="1" applyFont="1" applyFill="1" applyBorder="1">
      <alignment vertical="center"/>
    </xf>
    <xf numFmtId="0" fontId="4" fillId="0" borderId="7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5" fillId="0" borderId="0" xfId="0" applyFont="1" applyFill="1" applyBorder="1">
      <alignment vertical="center"/>
    </xf>
    <xf numFmtId="176" fontId="6" fillId="0" borderId="8" xfId="0" applyNumberFormat="1" applyFont="1" applyFill="1" applyBorder="1" applyAlignment="1">
      <alignment horizontal="right" vertical="center"/>
    </xf>
    <xf numFmtId="177" fontId="6" fillId="0" borderId="8" xfId="0" applyNumberFormat="1" applyFont="1" applyFill="1" applyBorder="1" applyAlignment="1">
      <alignment horizontal="right" vertical="center"/>
    </xf>
    <xf numFmtId="176" fontId="6" fillId="0" borderId="0" xfId="0" applyNumberFormat="1" applyFont="1" applyFill="1" applyBorder="1" applyAlignment="1">
      <alignment horizontal="right" vertical="center"/>
    </xf>
    <xf numFmtId="178" fontId="6" fillId="0" borderId="13" xfId="0" applyNumberFormat="1" applyFont="1" applyFill="1" applyBorder="1" applyAlignment="1">
      <alignment horizontal="right"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7" fillId="0" borderId="7" xfId="0" applyFont="1" applyFill="1" applyBorder="1" applyAlignment="1">
      <alignment horizontal="distributed" vertical="center"/>
    </xf>
    <xf numFmtId="0" fontId="3" fillId="0" borderId="0" xfId="0" applyFont="1" applyFill="1" applyBorder="1">
      <alignment vertical="center"/>
    </xf>
    <xf numFmtId="176" fontId="3" fillId="0" borderId="8" xfId="0" applyNumberFormat="1" applyFont="1" applyFill="1" applyBorder="1" applyAlignment="1">
      <alignment horizontal="right" vertical="center"/>
    </xf>
    <xf numFmtId="177" fontId="3" fillId="0" borderId="8" xfId="0" applyNumberFormat="1" applyFont="1" applyFill="1" applyBorder="1" applyAlignment="1">
      <alignment horizontal="right" vertical="center"/>
    </xf>
    <xf numFmtId="176" fontId="3" fillId="0" borderId="0" xfId="0" applyNumberFormat="1" applyFont="1" applyFill="1" applyBorder="1" applyAlignment="1">
      <alignment horizontal="right" vertical="center"/>
    </xf>
    <xf numFmtId="178" fontId="3" fillId="0" borderId="13" xfId="0" applyNumberFormat="1" applyFont="1" applyFill="1" applyBorder="1" applyAlignment="1">
      <alignment horizontal="right" vertical="center"/>
    </xf>
    <xf numFmtId="0" fontId="3" fillId="0" borderId="7" xfId="0" applyFont="1" applyBorder="1" applyAlignment="1">
      <alignment horizontal="distributed" vertical="center"/>
    </xf>
    <xf numFmtId="0" fontId="6" fillId="0" borderId="0" xfId="0" applyFont="1" applyBorder="1" applyAlignment="1">
      <alignment horizontal="distributed" vertical="center"/>
    </xf>
    <xf numFmtId="0" fontId="3" fillId="0" borderId="0" xfId="0" applyFont="1" applyBorder="1">
      <alignment vertical="center"/>
    </xf>
    <xf numFmtId="176" fontId="3" fillId="0" borderId="8" xfId="0" applyNumberFormat="1" applyFont="1" applyBorder="1" applyAlignment="1">
      <alignment horizontal="right" vertical="center"/>
    </xf>
    <xf numFmtId="177" fontId="3" fillId="0" borderId="8" xfId="0" applyNumberFormat="1" applyFont="1" applyBorder="1" applyAlignment="1">
      <alignment horizontal="right" vertical="center"/>
    </xf>
    <xf numFmtId="176" fontId="3" fillId="0" borderId="0" xfId="0" applyNumberFormat="1" applyFont="1" applyBorder="1" applyAlignment="1">
      <alignment horizontal="right" vertical="center"/>
    </xf>
    <xf numFmtId="178" fontId="3" fillId="0" borderId="13" xfId="0" applyNumberFormat="1" applyFont="1" applyBorder="1" applyAlignment="1">
      <alignment horizontal="right" vertical="center"/>
    </xf>
    <xf numFmtId="0" fontId="7" fillId="3" borderId="7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3" borderId="0" xfId="0" applyFont="1" applyFill="1" applyBorder="1">
      <alignment vertical="center"/>
    </xf>
    <xf numFmtId="176" fontId="3" fillId="3" borderId="8" xfId="0" applyNumberFormat="1" applyFont="1" applyFill="1" applyBorder="1" applyAlignment="1">
      <alignment horizontal="right" vertical="center"/>
    </xf>
    <xf numFmtId="177" fontId="3" fillId="3" borderId="8" xfId="0" applyNumberFormat="1" applyFont="1" applyFill="1" applyBorder="1" applyAlignment="1">
      <alignment horizontal="right" vertical="center"/>
    </xf>
    <xf numFmtId="176" fontId="3" fillId="3" borderId="0" xfId="0" applyNumberFormat="1" applyFont="1" applyFill="1" applyBorder="1" applyAlignment="1">
      <alignment horizontal="right" vertical="center"/>
    </xf>
    <xf numFmtId="178" fontId="3" fillId="3" borderId="13" xfId="0" applyNumberFormat="1" applyFont="1" applyFill="1" applyBorder="1" applyAlignment="1">
      <alignment horizontal="right" vertical="center"/>
    </xf>
    <xf numFmtId="0" fontId="3" fillId="0" borderId="20" xfId="0" applyFont="1" applyBorder="1">
      <alignment vertical="center"/>
    </xf>
    <xf numFmtId="0" fontId="3" fillId="0" borderId="21" xfId="0" applyFont="1" applyBorder="1">
      <alignment vertical="center"/>
    </xf>
    <xf numFmtId="176" fontId="3" fillId="0" borderId="22" xfId="0" applyNumberFormat="1" applyFont="1" applyBorder="1" applyAlignment="1">
      <alignment horizontal="right" vertical="center"/>
    </xf>
    <xf numFmtId="178" fontId="3" fillId="0" borderId="22" xfId="0" applyNumberFormat="1" applyFont="1" applyBorder="1" applyAlignment="1">
      <alignment horizontal="right" vertical="center"/>
    </xf>
    <xf numFmtId="176" fontId="3" fillId="0" borderId="21" xfId="0" applyNumberFormat="1" applyFont="1" applyBorder="1" applyAlignment="1">
      <alignment horizontal="right" vertical="center"/>
    </xf>
    <xf numFmtId="178" fontId="3" fillId="0" borderId="23" xfId="0" applyNumberFormat="1" applyFont="1" applyBorder="1" applyAlignment="1">
      <alignment horizontal="right" vertical="center"/>
    </xf>
    <xf numFmtId="176" fontId="6" fillId="3" borderId="8" xfId="0" applyNumberFormat="1" applyFont="1" applyFill="1" applyBorder="1" applyAlignment="1">
      <alignment horizontal="center" vertical="center"/>
    </xf>
    <xf numFmtId="176" fontId="6" fillId="3" borderId="13" xfId="0" applyNumberFormat="1" applyFont="1" applyFill="1" applyBorder="1" applyAlignment="1">
      <alignment horizontal="center" vertical="center"/>
    </xf>
    <xf numFmtId="176" fontId="6" fillId="0" borderId="8" xfId="0" applyNumberFormat="1" applyFont="1" applyFill="1" applyBorder="1" applyAlignment="1">
      <alignment horizontal="center" vertical="center"/>
    </xf>
    <xf numFmtId="176" fontId="6" fillId="0" borderId="13" xfId="0" applyNumberFormat="1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distributed" vertical="center"/>
    </xf>
    <xf numFmtId="0" fontId="3" fillId="3" borderId="7" xfId="0" applyFont="1" applyFill="1" applyBorder="1" applyAlignment="1">
      <alignment horizontal="distributed" vertical="center"/>
    </xf>
    <xf numFmtId="0" fontId="3" fillId="0" borderId="10" xfId="0" applyFont="1" applyFill="1" applyBorder="1">
      <alignment vertical="center"/>
    </xf>
    <xf numFmtId="177" fontId="3" fillId="0" borderId="8" xfId="0" applyNumberFormat="1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horizontal="center" vertical="center"/>
    </xf>
    <xf numFmtId="178" fontId="3" fillId="0" borderId="13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distributed" vertical="center"/>
    </xf>
    <xf numFmtId="176" fontId="5" fillId="2" borderId="8" xfId="0" applyNumberFormat="1" applyFont="1" applyFill="1" applyBorder="1" applyAlignment="1">
      <alignment horizontal="right" vertical="center"/>
    </xf>
    <xf numFmtId="179" fontId="5" fillId="2" borderId="0" xfId="0" applyNumberFormat="1" applyFont="1" applyFill="1" applyBorder="1" applyAlignment="1">
      <alignment horizontal="right" vertical="center"/>
    </xf>
    <xf numFmtId="179" fontId="5" fillId="2" borderId="13" xfId="0" applyNumberFormat="1" applyFont="1" applyFill="1" applyBorder="1" applyAlignment="1">
      <alignment horizontal="right" vertical="center"/>
    </xf>
    <xf numFmtId="0" fontId="3" fillId="3" borderId="0" xfId="0" applyFont="1" applyFill="1" applyBorder="1" applyAlignment="1">
      <alignment horizontal="distributed" vertical="center"/>
    </xf>
    <xf numFmtId="179" fontId="3" fillId="3" borderId="0" xfId="0" applyNumberFormat="1" applyFont="1" applyFill="1" applyBorder="1" applyAlignment="1">
      <alignment horizontal="right" vertical="center"/>
    </xf>
    <xf numFmtId="179" fontId="3" fillId="3" borderId="13" xfId="0" applyNumberFormat="1" applyFont="1" applyFill="1" applyBorder="1" applyAlignment="1">
      <alignment horizontal="right" vertical="center"/>
    </xf>
    <xf numFmtId="0" fontId="3" fillId="0" borderId="0" xfId="0" applyFont="1" applyBorder="1" applyAlignment="1">
      <alignment horizontal="distributed" vertical="center"/>
    </xf>
    <xf numFmtId="179" fontId="3" fillId="0" borderId="0" xfId="0" applyNumberFormat="1" applyFont="1" applyBorder="1" applyAlignment="1">
      <alignment horizontal="right" vertical="center"/>
    </xf>
    <xf numFmtId="179" fontId="3" fillId="0" borderId="13" xfId="0" applyNumberFormat="1" applyFont="1" applyBorder="1" applyAlignment="1">
      <alignment horizontal="right" vertical="center"/>
    </xf>
    <xf numFmtId="0" fontId="3" fillId="0" borderId="0" xfId="0" applyFont="1" applyFill="1" applyBorder="1" applyAlignment="1">
      <alignment horizontal="distributed" vertical="center"/>
    </xf>
    <xf numFmtId="179" fontId="3" fillId="0" borderId="0" xfId="0" applyNumberFormat="1" applyFont="1" applyFill="1" applyBorder="1" applyAlignment="1">
      <alignment horizontal="right" vertical="center"/>
    </xf>
    <xf numFmtId="179" fontId="3" fillId="0" borderId="13" xfId="0" applyNumberFormat="1" applyFont="1" applyFill="1" applyBorder="1" applyAlignment="1">
      <alignment horizontal="right" vertical="center"/>
    </xf>
    <xf numFmtId="179" fontId="3" fillId="0" borderId="8" xfId="0" applyNumberFormat="1" applyFont="1" applyFill="1" applyBorder="1" applyAlignment="1">
      <alignment horizontal="right" vertical="center"/>
    </xf>
    <xf numFmtId="176" fontId="3" fillId="0" borderId="22" xfId="0" applyNumberFormat="1" applyFont="1" applyBorder="1">
      <alignment vertical="center"/>
    </xf>
    <xf numFmtId="179" fontId="3" fillId="0" borderId="21" xfId="0" applyNumberFormat="1" applyFont="1" applyBorder="1">
      <alignment vertical="center"/>
    </xf>
    <xf numFmtId="179" fontId="3" fillId="0" borderId="23" xfId="0" applyNumberFormat="1" applyFont="1" applyBorder="1">
      <alignment vertical="center"/>
    </xf>
    <xf numFmtId="0" fontId="3" fillId="0" borderId="26" xfId="0" applyFont="1" applyBorder="1" applyAlignment="1">
      <alignment horizontal="center" vertical="center"/>
    </xf>
    <xf numFmtId="176" fontId="5" fillId="2" borderId="13" xfId="0" applyNumberFormat="1" applyFont="1" applyFill="1" applyBorder="1" applyAlignment="1">
      <alignment horizontal="right" vertical="center"/>
    </xf>
    <xf numFmtId="176" fontId="6" fillId="3" borderId="8" xfId="0" applyNumberFormat="1" applyFont="1" applyFill="1" applyBorder="1" applyAlignment="1">
      <alignment horizontal="right" vertical="center"/>
    </xf>
    <xf numFmtId="176" fontId="6" fillId="3" borderId="13" xfId="0" applyNumberFormat="1" applyFont="1" applyFill="1" applyBorder="1" applyAlignment="1">
      <alignment horizontal="right" vertical="center"/>
    </xf>
    <xf numFmtId="176" fontId="6" fillId="0" borderId="8" xfId="0" applyNumberFormat="1" applyFont="1" applyBorder="1" applyAlignment="1">
      <alignment horizontal="right" vertical="center"/>
    </xf>
    <xf numFmtId="176" fontId="6" fillId="0" borderId="13" xfId="0" applyNumberFormat="1" applyFont="1" applyBorder="1" applyAlignment="1">
      <alignment horizontal="right" vertical="center"/>
    </xf>
    <xf numFmtId="176" fontId="6" fillId="0" borderId="13" xfId="0" applyNumberFormat="1" applyFont="1" applyFill="1" applyBorder="1" applyAlignment="1">
      <alignment horizontal="right" vertical="center"/>
    </xf>
    <xf numFmtId="176" fontId="3" fillId="0" borderId="13" xfId="0" applyNumberFormat="1" applyFont="1" applyFill="1" applyBorder="1" applyAlignment="1">
      <alignment horizontal="right" vertical="center"/>
    </xf>
    <xf numFmtId="176" fontId="3" fillId="3" borderId="13" xfId="0" applyNumberFormat="1" applyFont="1" applyFill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0" fontId="3" fillId="0" borderId="20" xfId="0" applyFont="1" applyBorder="1" applyAlignment="1">
      <alignment horizontal="distributed" vertical="center"/>
    </xf>
    <xf numFmtId="0" fontId="3" fillId="0" borderId="21" xfId="0" applyFont="1" applyBorder="1" applyAlignment="1">
      <alignment horizontal="distributed" vertical="center"/>
    </xf>
    <xf numFmtId="178" fontId="3" fillId="0" borderId="23" xfId="0" applyNumberFormat="1" applyFont="1" applyBorder="1">
      <alignment vertical="center"/>
    </xf>
    <xf numFmtId="0" fontId="3" fillId="0" borderId="30" xfId="0" applyFont="1" applyBorder="1" applyAlignment="1">
      <alignment horizontal="right" vertical="center"/>
    </xf>
    <xf numFmtId="0" fontId="5" fillId="2" borderId="7" xfId="0" applyFont="1" applyFill="1" applyBorder="1">
      <alignment vertical="center"/>
    </xf>
    <xf numFmtId="0" fontId="5" fillId="2" borderId="0" xfId="0" applyFont="1" applyFill="1" applyBorder="1" applyAlignment="1">
      <alignment horizontal="center" vertical="center"/>
    </xf>
    <xf numFmtId="176" fontId="5" fillId="2" borderId="30" xfId="0" applyNumberFormat="1" applyFont="1" applyFill="1" applyBorder="1" applyAlignment="1">
      <alignment horizontal="right" vertical="center"/>
    </xf>
    <xf numFmtId="176" fontId="3" fillId="0" borderId="30" xfId="0" applyNumberFormat="1" applyFont="1" applyBorder="1" applyAlignment="1">
      <alignment horizontal="right" vertical="center"/>
    </xf>
    <xf numFmtId="0" fontId="3" fillId="0" borderId="21" xfId="0" applyFont="1" applyBorder="1" applyAlignment="1">
      <alignment horizontal="center" vertical="center"/>
    </xf>
    <xf numFmtId="176" fontId="3" fillId="0" borderId="31" xfId="0" applyNumberFormat="1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Border="1" applyAlignment="1">
      <alignment horizontal="left" vertical="center"/>
    </xf>
    <xf numFmtId="0" fontId="3" fillId="0" borderId="3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9" xfId="0" applyFont="1" applyBorder="1" applyAlignment="1">
      <alignment horizontal="right" vertical="center"/>
    </xf>
    <xf numFmtId="0" fontId="3" fillId="0" borderId="9" xfId="0" applyFont="1" applyBorder="1">
      <alignment vertical="center"/>
    </xf>
    <xf numFmtId="0" fontId="3" fillId="0" borderId="30" xfId="0" applyFont="1" applyBorder="1">
      <alignment vertical="center"/>
    </xf>
    <xf numFmtId="176" fontId="5" fillId="2" borderId="9" xfId="0" applyNumberFormat="1" applyFont="1" applyFill="1" applyBorder="1" applyAlignment="1">
      <alignment horizontal="right" vertical="center"/>
    </xf>
    <xf numFmtId="0" fontId="4" fillId="2" borderId="9" xfId="0" applyFont="1" applyFill="1" applyBorder="1" applyAlignment="1">
      <alignment horizontal="distributed" vertical="center"/>
    </xf>
    <xf numFmtId="0" fontId="5" fillId="2" borderId="30" xfId="0" applyFont="1" applyFill="1" applyBorder="1">
      <alignment vertical="center"/>
    </xf>
    <xf numFmtId="176" fontId="3" fillId="3" borderId="9" xfId="0" applyNumberFormat="1" applyFont="1" applyFill="1" applyBorder="1" applyAlignment="1">
      <alignment horizontal="right" vertical="center"/>
    </xf>
    <xf numFmtId="0" fontId="7" fillId="3" borderId="9" xfId="0" applyFont="1" applyFill="1" applyBorder="1" applyAlignment="1">
      <alignment horizontal="distributed" vertical="center"/>
    </xf>
    <xf numFmtId="0" fontId="3" fillId="3" borderId="30" xfId="0" applyFont="1" applyFill="1" applyBorder="1">
      <alignment vertical="center"/>
    </xf>
    <xf numFmtId="176" fontId="3" fillId="0" borderId="9" xfId="0" applyNumberFormat="1" applyFont="1" applyFill="1" applyBorder="1" applyAlignment="1">
      <alignment horizontal="right" vertical="center"/>
    </xf>
    <xf numFmtId="0" fontId="7" fillId="0" borderId="9" xfId="0" applyFont="1" applyFill="1" applyBorder="1" applyAlignment="1">
      <alignment horizontal="distributed" vertical="center"/>
    </xf>
    <xf numFmtId="0" fontId="3" fillId="0" borderId="30" xfId="0" applyFont="1" applyFill="1" applyBorder="1">
      <alignment vertical="center"/>
    </xf>
    <xf numFmtId="0" fontId="3" fillId="0" borderId="10" xfId="0" applyFont="1" applyFill="1" applyBorder="1" applyAlignment="1">
      <alignment horizontal="distributed" vertical="center"/>
    </xf>
    <xf numFmtId="0" fontId="3" fillId="0" borderId="9" xfId="0" applyFont="1" applyFill="1" applyBorder="1" applyAlignment="1">
      <alignment horizontal="distributed" vertical="center"/>
    </xf>
    <xf numFmtId="0" fontId="3" fillId="0" borderId="30" xfId="0" applyFont="1" applyFill="1" applyBorder="1" applyAlignment="1">
      <alignment horizontal="distributed" vertical="center"/>
    </xf>
    <xf numFmtId="0" fontId="3" fillId="3" borderId="10" xfId="0" applyFont="1" applyFill="1" applyBorder="1" applyAlignment="1">
      <alignment horizontal="distributed" vertical="center"/>
    </xf>
    <xf numFmtId="0" fontId="3" fillId="3" borderId="9" xfId="0" applyFont="1" applyFill="1" applyBorder="1" applyAlignment="1">
      <alignment horizontal="distributed" vertical="center"/>
    </xf>
    <xf numFmtId="0" fontId="3" fillId="3" borderId="30" xfId="0" applyFont="1" applyFill="1" applyBorder="1" applyAlignment="1">
      <alignment horizontal="distributed" vertical="center"/>
    </xf>
    <xf numFmtId="0" fontId="10" fillId="0" borderId="7" xfId="0" applyFont="1" applyFill="1" applyBorder="1" applyAlignment="1">
      <alignment horizontal="distributed" vertical="center"/>
    </xf>
    <xf numFmtId="0" fontId="6" fillId="0" borderId="0" xfId="0" applyFont="1" applyFill="1" applyBorder="1">
      <alignment vertical="center"/>
    </xf>
    <xf numFmtId="176" fontId="6" fillId="0" borderId="9" xfId="0" applyNumberFormat="1" applyFont="1" applyFill="1" applyBorder="1" applyAlignment="1">
      <alignment horizontal="right" vertical="center"/>
    </xf>
    <xf numFmtId="0" fontId="10" fillId="0" borderId="9" xfId="0" applyFont="1" applyFill="1" applyBorder="1" applyAlignment="1">
      <alignment horizontal="distributed" vertical="center"/>
    </xf>
    <xf numFmtId="0" fontId="6" fillId="0" borderId="30" xfId="0" applyFont="1" applyFill="1" applyBorder="1">
      <alignment vertical="center"/>
    </xf>
    <xf numFmtId="0" fontId="11" fillId="0" borderId="0" xfId="0" applyFont="1" applyFill="1">
      <alignment vertical="center"/>
    </xf>
    <xf numFmtId="0" fontId="6" fillId="0" borderId="0" xfId="0" applyFont="1" applyFill="1">
      <alignment vertical="center"/>
    </xf>
    <xf numFmtId="176" fontId="3" fillId="0" borderId="34" xfId="0" applyNumberFormat="1" applyFont="1" applyBorder="1">
      <alignment vertical="center"/>
    </xf>
    <xf numFmtId="0" fontId="3" fillId="0" borderId="34" xfId="0" applyFont="1" applyBorder="1" applyAlignment="1">
      <alignment horizontal="distributed" vertical="center"/>
    </xf>
    <xf numFmtId="0" fontId="3" fillId="0" borderId="31" xfId="0" applyFont="1" applyBorder="1">
      <alignment vertical="center"/>
    </xf>
    <xf numFmtId="177" fontId="5" fillId="2" borderId="8" xfId="0" applyNumberFormat="1" applyFont="1" applyFill="1" applyBorder="1">
      <alignment vertical="center"/>
    </xf>
    <xf numFmtId="177" fontId="5" fillId="2" borderId="30" xfId="0" applyNumberFormat="1" applyFont="1" applyFill="1" applyBorder="1">
      <alignment vertical="center"/>
    </xf>
    <xf numFmtId="176" fontId="3" fillId="0" borderId="8" xfId="0" applyNumberFormat="1" applyFont="1" applyFill="1" applyBorder="1">
      <alignment vertical="center"/>
    </xf>
    <xf numFmtId="177" fontId="3" fillId="0" borderId="8" xfId="0" applyNumberFormat="1" applyFont="1" applyFill="1" applyBorder="1">
      <alignment vertical="center"/>
    </xf>
    <xf numFmtId="177" fontId="3" fillId="0" borderId="30" xfId="0" applyNumberFormat="1" applyFont="1" applyFill="1" applyBorder="1">
      <alignment vertical="center"/>
    </xf>
    <xf numFmtId="176" fontId="3" fillId="0" borderId="8" xfId="0" applyNumberFormat="1" applyFont="1" applyBorder="1">
      <alignment vertical="center"/>
    </xf>
    <xf numFmtId="177" fontId="3" fillId="0" borderId="8" xfId="0" applyNumberFormat="1" applyFont="1" applyBorder="1">
      <alignment vertical="center"/>
    </xf>
    <xf numFmtId="177" fontId="3" fillId="0" borderId="30" xfId="0" applyNumberFormat="1" applyFont="1" applyBorder="1">
      <alignment vertical="center"/>
    </xf>
    <xf numFmtId="176" fontId="3" fillId="3" borderId="8" xfId="0" applyNumberFormat="1" applyFont="1" applyFill="1" applyBorder="1">
      <alignment vertical="center"/>
    </xf>
    <xf numFmtId="177" fontId="3" fillId="3" borderId="8" xfId="0" applyNumberFormat="1" applyFont="1" applyFill="1" applyBorder="1">
      <alignment vertical="center"/>
    </xf>
    <xf numFmtId="177" fontId="3" fillId="3" borderId="30" xfId="0" applyNumberFormat="1" applyFont="1" applyFill="1" applyBorder="1">
      <alignment vertical="center"/>
    </xf>
    <xf numFmtId="0" fontId="3" fillId="0" borderId="22" xfId="0" applyFont="1" applyBorder="1">
      <alignment vertical="center"/>
    </xf>
    <xf numFmtId="176" fontId="5" fillId="2" borderId="13" xfId="0" applyNumberFormat="1" applyFont="1" applyFill="1" applyBorder="1">
      <alignment vertical="center"/>
    </xf>
    <xf numFmtId="176" fontId="3" fillId="0" borderId="13" xfId="0" applyNumberFormat="1" applyFont="1" applyFill="1" applyBorder="1">
      <alignment vertical="center"/>
    </xf>
    <xf numFmtId="176" fontId="3" fillId="0" borderId="13" xfId="0" applyNumberFormat="1" applyFont="1" applyBorder="1">
      <alignment vertical="center"/>
    </xf>
    <xf numFmtId="176" fontId="3" fillId="3" borderId="13" xfId="0" applyNumberFormat="1" applyFont="1" applyFill="1" applyBorder="1">
      <alignment vertical="center"/>
    </xf>
    <xf numFmtId="176" fontId="3" fillId="0" borderId="23" xfId="0" applyNumberFormat="1" applyFont="1" applyBorder="1">
      <alignment vertical="center"/>
    </xf>
    <xf numFmtId="0" fontId="8" fillId="0" borderId="0" xfId="0" applyFont="1">
      <alignment vertical="center"/>
    </xf>
    <xf numFmtId="0" fontId="3" fillId="0" borderId="10" xfId="0" applyFont="1" applyBorder="1" applyAlignment="1">
      <alignment horizontal="distributed" vertical="center"/>
    </xf>
    <xf numFmtId="0" fontId="3" fillId="0" borderId="30" xfId="0" applyFont="1" applyBorder="1" applyAlignment="1">
      <alignment horizontal="distributed" vertical="center"/>
    </xf>
    <xf numFmtId="0" fontId="3" fillId="0" borderId="27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7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10" xfId="0" applyFont="1" applyBorder="1" applyAlignment="1">
      <alignment horizontal="right" vertical="center"/>
    </xf>
    <xf numFmtId="179" fontId="3" fillId="0" borderId="8" xfId="0" applyNumberFormat="1" applyFont="1" applyBorder="1">
      <alignment vertical="center"/>
    </xf>
    <xf numFmtId="176" fontId="3" fillId="0" borderId="10" xfId="0" applyNumberFormat="1" applyFont="1" applyBorder="1">
      <alignment vertical="center"/>
    </xf>
    <xf numFmtId="178" fontId="3" fillId="0" borderId="8" xfId="0" applyNumberFormat="1" applyFont="1" applyBorder="1">
      <alignment vertical="center"/>
    </xf>
    <xf numFmtId="178" fontId="3" fillId="0" borderId="13" xfId="0" applyNumberFormat="1" applyFont="1" applyBorder="1">
      <alignment vertical="center"/>
    </xf>
    <xf numFmtId="180" fontId="3" fillId="0" borderId="22" xfId="0" applyNumberFormat="1" applyFont="1" applyBorder="1">
      <alignment vertical="center"/>
    </xf>
    <xf numFmtId="176" fontId="3" fillId="0" borderId="41" xfId="0" applyNumberFormat="1" applyFont="1" applyBorder="1">
      <alignment vertical="center"/>
    </xf>
    <xf numFmtId="0" fontId="9" fillId="0" borderId="0" xfId="0" applyFont="1">
      <alignment vertical="center"/>
    </xf>
    <xf numFmtId="0" fontId="9" fillId="0" borderId="0" xfId="0" applyFont="1" applyAlignment="1">
      <alignment horizontal="distributed" vertical="center"/>
    </xf>
    <xf numFmtId="0" fontId="9" fillId="0" borderId="0" xfId="0" applyFont="1" applyAlignment="1">
      <alignment horizontal="center" vertical="center"/>
    </xf>
    <xf numFmtId="178" fontId="5" fillId="2" borderId="8" xfId="0" applyNumberFormat="1" applyFont="1" applyFill="1" applyBorder="1">
      <alignment vertical="center"/>
    </xf>
    <xf numFmtId="181" fontId="5" fillId="2" borderId="8" xfId="0" applyNumberFormat="1" applyFont="1" applyFill="1" applyBorder="1">
      <alignment vertical="center"/>
    </xf>
    <xf numFmtId="181" fontId="5" fillId="2" borderId="13" xfId="0" applyNumberFormat="1" applyFont="1" applyFill="1" applyBorder="1">
      <alignment vertical="center"/>
    </xf>
    <xf numFmtId="178" fontId="3" fillId="0" borderId="8" xfId="0" applyNumberFormat="1" applyFont="1" applyFill="1" applyBorder="1">
      <alignment vertical="center"/>
    </xf>
    <xf numFmtId="181" fontId="3" fillId="0" borderId="8" xfId="0" applyNumberFormat="1" applyFont="1" applyFill="1" applyBorder="1">
      <alignment vertical="center"/>
    </xf>
    <xf numFmtId="181" fontId="3" fillId="0" borderId="13" xfId="0" applyNumberFormat="1" applyFont="1" applyFill="1" applyBorder="1">
      <alignment vertical="center"/>
    </xf>
    <xf numFmtId="181" fontId="3" fillId="0" borderId="8" xfId="0" applyNumberFormat="1" applyFont="1" applyBorder="1">
      <alignment vertical="center"/>
    </xf>
    <xf numFmtId="181" fontId="3" fillId="0" borderId="13" xfId="0" applyNumberFormat="1" applyFont="1" applyBorder="1">
      <alignment vertical="center"/>
    </xf>
    <xf numFmtId="178" fontId="3" fillId="3" borderId="8" xfId="0" applyNumberFormat="1" applyFont="1" applyFill="1" applyBorder="1">
      <alignment vertical="center"/>
    </xf>
    <xf numFmtId="181" fontId="3" fillId="3" borderId="8" xfId="0" applyNumberFormat="1" applyFont="1" applyFill="1" applyBorder="1">
      <alignment vertical="center"/>
    </xf>
    <xf numFmtId="181" fontId="3" fillId="3" borderId="13" xfId="0" applyNumberFormat="1" applyFont="1" applyFill="1" applyBorder="1">
      <alignment vertical="center"/>
    </xf>
    <xf numFmtId="178" fontId="3" fillId="0" borderId="22" xfId="0" applyNumberFormat="1" applyFont="1" applyBorder="1">
      <alignment vertical="center"/>
    </xf>
    <xf numFmtId="0" fontId="3" fillId="0" borderId="23" xfId="0" applyFont="1" applyBorder="1">
      <alignment vertical="center"/>
    </xf>
    <xf numFmtId="0" fontId="13" fillId="0" borderId="0" xfId="0" applyFont="1">
      <alignment vertical="center"/>
    </xf>
    <xf numFmtId="0" fontId="15" fillId="0" borderId="0" xfId="0" applyFont="1">
      <alignment vertical="center"/>
    </xf>
    <xf numFmtId="0" fontId="3" fillId="0" borderId="21" xfId="0" applyFont="1" applyBorder="1" applyAlignment="1">
      <alignment horizontal="right" vertical="center"/>
    </xf>
    <xf numFmtId="58" fontId="6" fillId="0" borderId="0" xfId="0" applyNumberFormat="1" applyFont="1" applyBorder="1" applyAlignment="1" applyProtection="1">
      <alignment horizontal="distributed" vertical="center"/>
    </xf>
    <xf numFmtId="178" fontId="3" fillId="0" borderId="8" xfId="0" applyNumberFormat="1" applyFont="1" applyBorder="1" applyAlignment="1">
      <alignment horizontal="right" vertical="center"/>
    </xf>
    <xf numFmtId="58" fontId="6" fillId="0" borderId="0" xfId="0" applyNumberFormat="1" applyFont="1" applyBorder="1" applyAlignment="1" applyProtection="1">
      <alignment horizontal="distributed" vertical="center" wrapText="1"/>
    </xf>
    <xf numFmtId="176" fontId="8" fillId="0" borderId="8" xfId="0" applyNumberFormat="1" applyFont="1" applyBorder="1" applyAlignment="1">
      <alignment horizontal="center" vertical="center"/>
    </xf>
    <xf numFmtId="178" fontId="8" fillId="0" borderId="8" xfId="0" applyNumberFormat="1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24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3" fillId="0" borderId="2" xfId="0" applyFont="1" applyBorder="1" applyAlignment="1">
      <alignment vertical="top" wrapText="1"/>
    </xf>
    <xf numFmtId="0" fontId="3" fillId="0" borderId="0" xfId="0" applyFont="1" applyBorder="1" applyAlignment="1">
      <alignment horizontal="right" vertical="center"/>
    </xf>
    <xf numFmtId="0" fontId="3" fillId="0" borderId="27" xfId="0" applyFont="1" applyBorder="1" applyAlignment="1">
      <alignment horizontal="center" vertical="center" wrapText="1"/>
    </xf>
    <xf numFmtId="0" fontId="3" fillId="0" borderId="28" xfId="0" applyFont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0" fontId="1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9" fillId="0" borderId="21" xfId="0" applyFont="1" applyBorder="1" applyAlignment="1">
      <alignment horizontal="right"/>
    </xf>
    <xf numFmtId="0" fontId="3" fillId="0" borderId="32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7" fillId="3" borderId="7" xfId="0" applyFont="1" applyFill="1" applyBorder="1" applyAlignment="1">
      <alignment horizontal="distributed" vertical="center"/>
    </xf>
    <xf numFmtId="0" fontId="7" fillId="3" borderId="0" xfId="0" applyFont="1" applyFill="1" applyBorder="1" applyAlignment="1">
      <alignment horizontal="distributed" vertical="center"/>
    </xf>
    <xf numFmtId="0" fontId="3" fillId="0" borderId="7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4" fillId="2" borderId="7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  <xf numFmtId="0" fontId="7" fillId="0" borderId="7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distributed" vertical="center"/>
    </xf>
    <xf numFmtId="0" fontId="3" fillId="0" borderId="3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9" fillId="0" borderId="0" xfId="0" applyFont="1">
      <alignment vertical="center"/>
    </xf>
    <xf numFmtId="0" fontId="3" fillId="0" borderId="2" xfId="0" applyFont="1" applyBorder="1" applyAlignment="1"/>
    <xf numFmtId="0" fontId="9" fillId="0" borderId="0" xfId="0" applyFont="1" applyAlignment="1">
      <alignment horizontal="left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36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21" xfId="0" applyFont="1" applyBorder="1" applyAlignment="1">
      <alignment horizontal="right" vertical="center"/>
    </xf>
    <xf numFmtId="0" fontId="8" fillId="0" borderId="0" xfId="0" applyFont="1" applyFill="1" applyBorder="1" applyAlignment="1">
      <alignment vertical="center"/>
    </xf>
    <xf numFmtId="0" fontId="3" fillId="0" borderId="0" xfId="0" applyFont="1" applyFill="1" applyAlignment="1">
      <alignment vertical="center"/>
    </xf>
    <xf numFmtId="0" fontId="0" fillId="0" borderId="0" xfId="0" applyFill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2"/>
  <dimension ref="A1:S86"/>
  <sheetViews>
    <sheetView tabSelected="1" view="pageBreakPreview" zoomScaleNormal="100" zoomScaleSheetLayoutView="100" workbookViewId="0">
      <selection activeCell="M1" sqref="M1"/>
    </sheetView>
  </sheetViews>
  <sheetFormatPr defaultRowHeight="14.25"/>
  <cols>
    <col min="1" max="1" width="1.75" style="1" customWidth="1"/>
    <col min="2" max="2" width="7.625" style="1" customWidth="1"/>
    <col min="3" max="3" width="1.25" style="1" customWidth="1"/>
    <col min="4" max="12" width="7.875" style="1" customWidth="1"/>
    <col min="13" max="19" width="6.875" style="29" customWidth="1"/>
    <col min="20" max="16384" width="9" style="30"/>
  </cols>
  <sheetData>
    <row r="1" spans="1:12" ht="18.75" customHeight="1">
      <c r="A1" s="201" t="s">
        <v>0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  <c r="L1" s="201"/>
    </row>
    <row r="2" spans="1:12" ht="15" customHeight="1" thickBot="1">
      <c r="A2" s="202" t="s">
        <v>1</v>
      </c>
      <c r="B2" s="202"/>
      <c r="C2" s="202"/>
      <c r="K2" s="2"/>
      <c r="L2" s="2"/>
    </row>
    <row r="3" spans="1:12" ht="11.25" customHeight="1">
      <c r="A3" s="203" t="s">
        <v>2</v>
      </c>
      <c r="B3" s="204"/>
      <c r="C3" s="204"/>
      <c r="D3" s="209" t="s">
        <v>3</v>
      </c>
      <c r="E3" s="212" t="s">
        <v>4</v>
      </c>
      <c r="F3" s="3"/>
      <c r="G3" s="3"/>
      <c r="H3" s="3"/>
      <c r="I3" s="3"/>
      <c r="J3" s="4"/>
      <c r="K3" s="215" t="s">
        <v>5</v>
      </c>
      <c r="L3" s="218" t="s">
        <v>6</v>
      </c>
    </row>
    <row r="4" spans="1:12" ht="15" customHeight="1">
      <c r="A4" s="205"/>
      <c r="B4" s="206"/>
      <c r="C4" s="206"/>
      <c r="D4" s="210"/>
      <c r="E4" s="213"/>
      <c r="F4" s="5"/>
      <c r="G4" s="221" t="s">
        <v>7</v>
      </c>
      <c r="H4" s="222"/>
      <c r="I4" s="221" t="s">
        <v>8</v>
      </c>
      <c r="J4" s="222"/>
      <c r="K4" s="216"/>
      <c r="L4" s="219"/>
    </row>
    <row r="5" spans="1:12" ht="15" customHeight="1">
      <c r="A5" s="207"/>
      <c r="B5" s="208"/>
      <c r="C5" s="208"/>
      <c r="D5" s="211"/>
      <c r="E5" s="214"/>
      <c r="F5" s="6" t="s">
        <v>9</v>
      </c>
      <c r="G5" s="7"/>
      <c r="H5" s="7" t="s">
        <v>9</v>
      </c>
      <c r="I5" s="7"/>
      <c r="J5" s="7" t="s">
        <v>9</v>
      </c>
      <c r="K5" s="217"/>
      <c r="L5" s="220"/>
    </row>
    <row r="6" spans="1:12" ht="10.5" customHeight="1">
      <c r="A6" s="8"/>
      <c r="B6" s="9"/>
      <c r="C6" s="10"/>
      <c r="D6" s="11" t="s">
        <v>10</v>
      </c>
      <c r="E6" s="11" t="s">
        <v>10</v>
      </c>
      <c r="F6" s="10" t="s">
        <v>11</v>
      </c>
      <c r="G6" s="11" t="s">
        <v>10</v>
      </c>
      <c r="H6" s="10" t="s">
        <v>11</v>
      </c>
      <c r="I6" s="11" t="s">
        <v>10</v>
      </c>
      <c r="J6" s="12" t="s">
        <v>11</v>
      </c>
      <c r="K6" s="10" t="s">
        <v>12</v>
      </c>
      <c r="L6" s="13" t="s">
        <v>10</v>
      </c>
    </row>
    <row r="7" spans="1:12" ht="11.25" customHeight="1">
      <c r="A7" s="14"/>
      <c r="B7" s="15" t="s">
        <v>15</v>
      </c>
      <c r="C7" s="16"/>
      <c r="D7" s="17">
        <v>9231177</v>
      </c>
      <c r="E7" s="18" t="s">
        <v>14</v>
      </c>
      <c r="F7" s="19" t="s">
        <v>14</v>
      </c>
      <c r="G7" s="18" t="s">
        <v>14</v>
      </c>
      <c r="H7" s="19" t="s">
        <v>14</v>
      </c>
      <c r="I7" s="18" t="s">
        <v>14</v>
      </c>
      <c r="J7" s="19" t="s">
        <v>14</v>
      </c>
      <c r="K7" s="20">
        <v>4266757</v>
      </c>
      <c r="L7" s="21">
        <v>2.1635113037841154</v>
      </c>
    </row>
    <row r="8" spans="1:12" ht="11.25" customHeight="1">
      <c r="A8" s="22"/>
      <c r="B8" s="23">
        <v>3</v>
      </c>
      <c r="C8" s="24"/>
      <c r="D8" s="25">
        <v>9236337</v>
      </c>
      <c r="E8" s="25">
        <v>-5160</v>
      </c>
      <c r="F8" s="26">
        <v>-5.5866302842782808E-2</v>
      </c>
      <c r="G8" s="25">
        <v>-29983</v>
      </c>
      <c r="H8" s="26">
        <v>-0.3246200306463482</v>
      </c>
      <c r="I8" s="25">
        <v>24823</v>
      </c>
      <c r="J8" s="26">
        <v>0.26875372780356543</v>
      </c>
      <c r="K8" s="27">
        <v>4228524</v>
      </c>
      <c r="L8" s="28">
        <v>2.1842933846420167</v>
      </c>
    </row>
    <row r="9" spans="1:12" ht="11.25" customHeight="1">
      <c r="A9" s="44"/>
      <c r="B9" s="45" t="s">
        <v>16</v>
      </c>
      <c r="C9" s="46"/>
      <c r="D9" s="47">
        <v>9201825</v>
      </c>
      <c r="E9" s="47">
        <v>34512</v>
      </c>
      <c r="F9" s="48">
        <v>0.37505603507999774</v>
      </c>
      <c r="G9" s="47">
        <v>-22407</v>
      </c>
      <c r="H9" s="48">
        <v>-0.24350604363808265</v>
      </c>
      <c r="I9" s="47">
        <v>56919</v>
      </c>
      <c r="J9" s="48">
        <v>0.61856207871808044</v>
      </c>
      <c r="K9" s="49">
        <v>4170235</v>
      </c>
      <c r="L9" s="50">
        <v>2.2065483120255811</v>
      </c>
    </row>
    <row r="10" spans="1:12" ht="6" customHeight="1">
      <c r="A10" s="37"/>
      <c r="B10" s="38"/>
      <c r="C10" s="39"/>
      <c r="D10" s="40"/>
      <c r="E10" s="40"/>
      <c r="F10" s="41"/>
      <c r="G10" s="40"/>
      <c r="H10" s="41"/>
      <c r="I10" s="40"/>
      <c r="J10" s="41"/>
      <c r="K10" s="42"/>
      <c r="L10" s="43"/>
    </row>
    <row r="11" spans="1:12" ht="11.25" customHeight="1">
      <c r="A11" s="31"/>
      <c r="B11" s="23" t="s">
        <v>17</v>
      </c>
      <c r="C11" s="32"/>
      <c r="D11" s="33">
        <v>9181625</v>
      </c>
      <c r="E11" s="33">
        <v>20200</v>
      </c>
      <c r="F11" s="34">
        <v>0.22000462881025962</v>
      </c>
      <c r="G11" s="33">
        <v>-19600</v>
      </c>
      <c r="H11" s="34">
        <v>-0.21346983785549942</v>
      </c>
      <c r="I11" s="33">
        <v>39800</v>
      </c>
      <c r="J11" s="34">
        <v>0.43347446666575906</v>
      </c>
      <c r="K11" s="35">
        <v>4118341</v>
      </c>
      <c r="L11" s="36">
        <v>2.2294474886853712</v>
      </c>
    </row>
    <row r="12" spans="1:12" ht="11.25" customHeight="1">
      <c r="A12" s="61"/>
      <c r="B12" s="23">
        <v>30</v>
      </c>
      <c r="C12" s="32"/>
      <c r="D12" s="33">
        <v>9163279</v>
      </c>
      <c r="E12" s="33">
        <v>18346</v>
      </c>
      <c r="F12" s="34">
        <v>0.20021217295686403</v>
      </c>
      <c r="G12" s="33">
        <v>-14771</v>
      </c>
      <c r="H12" s="34">
        <v>-0.16119775464656266</v>
      </c>
      <c r="I12" s="33">
        <v>33117</v>
      </c>
      <c r="J12" s="34">
        <v>0.36140992760342666</v>
      </c>
      <c r="K12" s="35">
        <v>4070843</v>
      </c>
      <c r="L12" s="36">
        <v>2.2509536722492123</v>
      </c>
    </row>
    <row r="13" spans="1:12" ht="11.25" customHeight="1">
      <c r="A13" s="61"/>
      <c r="B13" s="23">
        <v>29</v>
      </c>
      <c r="C13" s="32"/>
      <c r="D13" s="33">
        <v>9147400</v>
      </c>
      <c r="E13" s="33">
        <v>15879</v>
      </c>
      <c r="F13" s="34">
        <v>0.17359030981481077</v>
      </c>
      <c r="G13" s="33">
        <v>-11083</v>
      </c>
      <c r="H13" s="34">
        <v>-0.1211601110698122</v>
      </c>
      <c r="I13" s="33">
        <v>26962</v>
      </c>
      <c r="J13" s="34">
        <v>0.29475042088462294</v>
      </c>
      <c r="K13" s="35">
        <v>4026195</v>
      </c>
      <c r="L13" s="36">
        <v>2.2719714271166698</v>
      </c>
    </row>
    <row r="14" spans="1:12" ht="11.25" customHeight="1">
      <c r="A14" s="61"/>
      <c r="B14" s="23">
        <v>28</v>
      </c>
      <c r="C14" s="32"/>
      <c r="D14" s="33">
        <v>9128037</v>
      </c>
      <c r="E14" s="33">
        <v>19363</v>
      </c>
      <c r="F14" s="34">
        <v>0.21212665987221566</v>
      </c>
      <c r="G14" s="33">
        <v>-5354</v>
      </c>
      <c r="H14" s="34">
        <v>-5.8654451115831362E-2</v>
      </c>
      <c r="I14" s="33">
        <v>24717</v>
      </c>
      <c r="J14" s="34">
        <v>0.27078111098804708</v>
      </c>
      <c r="K14" s="35">
        <v>3983551</v>
      </c>
      <c r="L14" s="36">
        <v>2.2914321920316825</v>
      </c>
    </row>
    <row r="15" spans="1:12" ht="11.25" customHeight="1">
      <c r="A15" s="62"/>
      <c r="B15" s="45" t="s">
        <v>18</v>
      </c>
      <c r="C15" s="46"/>
      <c r="D15" s="47">
        <v>9100346</v>
      </c>
      <c r="E15" s="47">
        <v>27691</v>
      </c>
      <c r="F15" s="48">
        <v>0.30428513377403454</v>
      </c>
      <c r="G15" s="47">
        <v>-1492</v>
      </c>
      <c r="H15" s="48">
        <v>-1.6394981025996153E-2</v>
      </c>
      <c r="I15" s="47">
        <v>29183</v>
      </c>
      <c r="J15" s="48">
        <v>0.32068011480003067</v>
      </c>
      <c r="K15" s="49">
        <v>3973785</v>
      </c>
      <c r="L15" s="50">
        <v>2.2900952114923179</v>
      </c>
    </row>
    <row r="16" spans="1:12" ht="6" customHeight="1">
      <c r="A16" s="61"/>
      <c r="B16" s="23"/>
      <c r="C16" s="32"/>
      <c r="D16" s="33"/>
      <c r="E16" s="33"/>
      <c r="F16" s="34"/>
      <c r="G16" s="33"/>
      <c r="H16" s="34"/>
      <c r="I16" s="33"/>
      <c r="J16" s="34"/>
      <c r="K16" s="35"/>
      <c r="L16" s="36"/>
    </row>
    <row r="17" spans="1:12" ht="11.25" customHeight="1">
      <c r="A17" s="31"/>
      <c r="B17" s="23">
        <v>26</v>
      </c>
      <c r="C17" s="32"/>
      <c r="D17" s="33">
        <v>9083839</v>
      </c>
      <c r="E17" s="33">
        <v>16507</v>
      </c>
      <c r="F17" s="34">
        <v>0.181718324157881</v>
      </c>
      <c r="G17" s="33">
        <v>-285</v>
      </c>
      <c r="H17" s="34">
        <v>-3.1374400184767696E-3</v>
      </c>
      <c r="I17" s="33">
        <v>16792</v>
      </c>
      <c r="J17" s="34">
        <v>0.1848557641763576</v>
      </c>
      <c r="K17" s="35">
        <v>3936952</v>
      </c>
      <c r="L17" s="36">
        <v>2.3073278515968698</v>
      </c>
    </row>
    <row r="18" spans="1:12" ht="11.25" customHeight="1">
      <c r="A18" s="61"/>
      <c r="B18" s="23">
        <v>25</v>
      </c>
      <c r="C18" s="32"/>
      <c r="D18" s="33">
        <v>9072533</v>
      </c>
      <c r="E18" s="33">
        <v>11306</v>
      </c>
      <c r="F18" s="34">
        <v>0.12461789888226363</v>
      </c>
      <c r="G18" s="33">
        <v>2111</v>
      </c>
      <c r="H18" s="34">
        <v>2.3268033304480677E-2</v>
      </c>
      <c r="I18" s="33">
        <v>9195</v>
      </c>
      <c r="J18" s="34">
        <v>0.10134986557778297</v>
      </c>
      <c r="K18" s="35">
        <v>3906589</v>
      </c>
      <c r="L18" s="36">
        <v>2.3223669037106283</v>
      </c>
    </row>
    <row r="19" spans="1:12" s="29" customFormat="1" ht="11.25" customHeight="1">
      <c r="A19" s="61"/>
      <c r="B19" s="23">
        <v>24</v>
      </c>
      <c r="C19" s="32"/>
      <c r="D19" s="33">
        <v>9060257</v>
      </c>
      <c r="E19" s="33">
        <v>12276</v>
      </c>
      <c r="F19" s="34">
        <v>0.13549284529125388</v>
      </c>
      <c r="G19" s="33">
        <v>4625</v>
      </c>
      <c r="H19" s="34">
        <v>5.1047117096126519E-2</v>
      </c>
      <c r="I19" s="33">
        <v>7651</v>
      </c>
      <c r="J19" s="34">
        <v>8.4445728195127356E-2</v>
      </c>
      <c r="K19" s="35">
        <v>3876258</v>
      </c>
      <c r="L19" s="36">
        <v>2.3373720221925374</v>
      </c>
    </row>
    <row r="20" spans="1:12" s="29" customFormat="1" ht="11.25" customHeight="1">
      <c r="A20" s="61"/>
      <c r="B20" s="23">
        <v>23</v>
      </c>
      <c r="C20" s="32"/>
      <c r="D20" s="33">
        <v>9051028</v>
      </c>
      <c r="E20" s="33">
        <v>9229</v>
      </c>
      <c r="F20" s="34">
        <v>0.101966318080112</v>
      </c>
      <c r="G20" s="33">
        <v>5970</v>
      </c>
      <c r="H20" s="34">
        <v>6.5959358428677936E-2</v>
      </c>
      <c r="I20" s="33">
        <v>3259</v>
      </c>
      <c r="J20" s="34">
        <v>3.6006959651434071E-2</v>
      </c>
      <c r="K20" s="35">
        <v>3847543</v>
      </c>
      <c r="L20" s="36">
        <v>2.3524176337990244</v>
      </c>
    </row>
    <row r="21" spans="1:12" s="29" customFormat="1" ht="11.25" customHeight="1">
      <c r="A21" s="62"/>
      <c r="B21" s="45" t="s">
        <v>19</v>
      </c>
      <c r="C21" s="46"/>
      <c r="D21" s="47">
        <v>9008132</v>
      </c>
      <c r="E21" s="47">
        <v>42896</v>
      </c>
      <c r="F21" s="48">
        <v>0.47619195633456529</v>
      </c>
      <c r="G21" s="47">
        <v>11519</v>
      </c>
      <c r="H21" s="48">
        <v>0.127873348214702</v>
      </c>
      <c r="I21" s="47">
        <v>31377</v>
      </c>
      <c r="J21" s="48">
        <v>0.34831860811986326</v>
      </c>
      <c r="K21" s="49">
        <v>3830842</v>
      </c>
      <c r="L21" s="50">
        <v>2.351475733011176</v>
      </c>
    </row>
    <row r="22" spans="1:12" s="29" customFormat="1" ht="6" customHeight="1">
      <c r="A22" s="61"/>
      <c r="B22" s="23"/>
      <c r="C22" s="32"/>
      <c r="D22" s="33"/>
      <c r="E22" s="33"/>
      <c r="F22" s="34"/>
      <c r="G22" s="33"/>
      <c r="H22" s="34"/>
      <c r="I22" s="33"/>
      <c r="J22" s="34"/>
      <c r="K22" s="35"/>
      <c r="L22" s="36"/>
    </row>
    <row r="23" spans="1:12" s="29" customFormat="1" ht="11.25" customHeight="1">
      <c r="A23" s="31"/>
      <c r="B23" s="23">
        <v>21</v>
      </c>
      <c r="C23" s="32"/>
      <c r="D23" s="33">
        <v>8965352</v>
      </c>
      <c r="E23" s="33">
        <v>42780</v>
      </c>
      <c r="F23" s="34">
        <v>0.47717033307783124</v>
      </c>
      <c r="G23" s="33">
        <v>15296</v>
      </c>
      <c r="H23" s="34">
        <v>0.17061237528654757</v>
      </c>
      <c r="I23" s="33">
        <v>27484</v>
      </c>
      <c r="J23" s="34">
        <v>0.30655795779128364</v>
      </c>
      <c r="K23" s="35">
        <v>3784887</v>
      </c>
      <c r="L23" s="36">
        <v>2.3687238218736781</v>
      </c>
    </row>
    <row r="24" spans="1:12" s="29" customFormat="1" ht="11.25" customHeight="1">
      <c r="A24" s="61"/>
      <c r="B24" s="23">
        <v>20</v>
      </c>
      <c r="C24" s="32"/>
      <c r="D24" s="33">
        <v>8910256</v>
      </c>
      <c r="E24" s="33">
        <v>55096</v>
      </c>
      <c r="F24" s="34">
        <v>0.61834362559280009</v>
      </c>
      <c r="G24" s="33">
        <v>16427</v>
      </c>
      <c r="H24" s="34">
        <v>0.1843605840281132</v>
      </c>
      <c r="I24" s="33">
        <v>38669</v>
      </c>
      <c r="J24" s="34">
        <v>0.43398304156468681</v>
      </c>
      <c r="K24" s="35">
        <v>3725988</v>
      </c>
      <c r="L24" s="36">
        <v>2.3913807559229929</v>
      </c>
    </row>
    <row r="25" spans="1:12" s="29" customFormat="1" ht="11.25" customHeight="1">
      <c r="A25" s="61"/>
      <c r="B25" s="23">
        <v>19</v>
      </c>
      <c r="C25" s="32"/>
      <c r="D25" s="33">
        <v>8848166</v>
      </c>
      <c r="E25" s="33">
        <v>62090</v>
      </c>
      <c r="F25" s="34">
        <v>0.70172734101055523</v>
      </c>
      <c r="G25" s="33">
        <v>19192</v>
      </c>
      <c r="H25" s="34">
        <v>0.21690370637259745</v>
      </c>
      <c r="I25" s="33">
        <v>42898</v>
      </c>
      <c r="J25" s="34">
        <v>0.48482363463795775</v>
      </c>
      <c r="K25" s="35">
        <v>3660554</v>
      </c>
      <c r="L25" s="36">
        <v>2.4171658169774304</v>
      </c>
    </row>
    <row r="26" spans="1:12" s="29" customFormat="1" ht="11.25" customHeight="1">
      <c r="A26" s="61"/>
      <c r="B26" s="23">
        <v>18</v>
      </c>
      <c r="C26" s="32"/>
      <c r="D26" s="33">
        <v>8801632</v>
      </c>
      <c r="E26" s="33">
        <v>46534</v>
      </c>
      <c r="F26" s="34">
        <v>0.52869740520848862</v>
      </c>
      <c r="G26" s="33">
        <v>20836</v>
      </c>
      <c r="H26" s="34">
        <v>0.23672882483612132</v>
      </c>
      <c r="I26" s="33">
        <v>25698</v>
      </c>
      <c r="J26" s="34">
        <v>0.29196858037236734</v>
      </c>
      <c r="K26" s="35">
        <v>3601257</v>
      </c>
      <c r="L26" s="36">
        <v>2.4440443989418141</v>
      </c>
    </row>
    <row r="27" spans="1:12" s="29" customFormat="1" ht="11.25" customHeight="1">
      <c r="A27" s="62"/>
      <c r="B27" s="45" t="s">
        <v>20</v>
      </c>
      <c r="C27" s="46"/>
      <c r="D27" s="47">
        <v>8748731</v>
      </c>
      <c r="E27" s="47">
        <v>52901</v>
      </c>
      <c r="F27" s="48">
        <v>0.60467055164914774</v>
      </c>
      <c r="G27" s="47">
        <v>18418</v>
      </c>
      <c r="H27" s="48">
        <v>0.21052196027058095</v>
      </c>
      <c r="I27" s="47">
        <v>34483</v>
      </c>
      <c r="J27" s="48">
        <v>0.39414859137856678</v>
      </c>
      <c r="K27" s="49">
        <v>3599414</v>
      </c>
      <c r="L27" s="50">
        <v>2.4305987030111011</v>
      </c>
    </row>
    <row r="28" spans="1:12" s="29" customFormat="1" ht="6" customHeight="1">
      <c r="A28" s="61"/>
      <c r="B28" s="23"/>
      <c r="C28" s="32"/>
      <c r="D28" s="33"/>
      <c r="E28" s="33"/>
      <c r="F28" s="34"/>
      <c r="G28" s="33"/>
      <c r="H28" s="34"/>
      <c r="I28" s="33"/>
      <c r="J28" s="34"/>
      <c r="K28" s="35"/>
      <c r="L28" s="36"/>
    </row>
    <row r="29" spans="1:12" s="29" customFormat="1" ht="11.25" customHeight="1">
      <c r="A29" s="31"/>
      <c r="B29" s="23">
        <v>16</v>
      </c>
      <c r="C29" s="32"/>
      <c r="D29" s="33">
        <v>8697720</v>
      </c>
      <c r="E29" s="33">
        <v>51011</v>
      </c>
      <c r="F29" s="34">
        <v>0.58648703338346142</v>
      </c>
      <c r="G29" s="33">
        <v>25047</v>
      </c>
      <c r="H29" s="34">
        <v>0.2879720202535837</v>
      </c>
      <c r="I29" s="33">
        <v>25964</v>
      </c>
      <c r="J29" s="34">
        <v>0.29851501312987772</v>
      </c>
      <c r="K29" s="35">
        <v>3546393</v>
      </c>
      <c r="L29" s="36">
        <v>2.4525539047702836</v>
      </c>
    </row>
    <row r="30" spans="1:12" s="29" customFormat="1" ht="11.25" customHeight="1">
      <c r="A30" s="61"/>
      <c r="B30" s="23">
        <v>15</v>
      </c>
      <c r="C30" s="32"/>
      <c r="D30" s="33">
        <v>8639665</v>
      </c>
      <c r="E30" s="33">
        <v>58055</v>
      </c>
      <c r="F30" s="34">
        <v>0.67195892433329296</v>
      </c>
      <c r="G30" s="33">
        <v>26314</v>
      </c>
      <c r="H30" s="34">
        <v>0.30457199440024585</v>
      </c>
      <c r="I30" s="33">
        <v>31741</v>
      </c>
      <c r="J30" s="34">
        <v>0.36738692993304717</v>
      </c>
      <c r="K30" s="35">
        <v>3485990</v>
      </c>
      <c r="L30" s="36">
        <v>2.4783963809419993</v>
      </c>
    </row>
    <row r="31" spans="1:12" s="29" customFormat="1" ht="11.25" customHeight="1">
      <c r="A31" s="61"/>
      <c r="B31" s="23">
        <v>14</v>
      </c>
      <c r="C31" s="32"/>
      <c r="D31" s="33">
        <v>8575372</v>
      </c>
      <c r="E31" s="33">
        <v>64293</v>
      </c>
      <c r="F31" s="34">
        <v>0.74974006958531936</v>
      </c>
      <c r="G31" s="33">
        <v>29182</v>
      </c>
      <c r="H31" s="34">
        <v>0.34030010593126458</v>
      </c>
      <c r="I31" s="33">
        <v>35111</v>
      </c>
      <c r="J31" s="34">
        <v>0.40943996365405488</v>
      </c>
      <c r="K31" s="35">
        <v>3422568</v>
      </c>
      <c r="L31" s="36">
        <v>2.5055373625885591</v>
      </c>
    </row>
    <row r="32" spans="1:12" s="29" customFormat="1" ht="11.25" customHeight="1">
      <c r="A32" s="61"/>
      <c r="B32" s="23">
        <v>13</v>
      </c>
      <c r="C32" s="32"/>
      <c r="D32" s="33">
        <v>8503498</v>
      </c>
      <c r="E32" s="33">
        <v>71874</v>
      </c>
      <c r="F32" s="34">
        <v>0.84522863414561855</v>
      </c>
      <c r="G32" s="33">
        <v>30898</v>
      </c>
      <c r="H32" s="34">
        <v>0.36335635052774751</v>
      </c>
      <c r="I32" s="33">
        <v>40976</v>
      </c>
      <c r="J32" s="34">
        <v>0.48187228361787116</v>
      </c>
      <c r="K32" s="35">
        <v>3351726</v>
      </c>
      <c r="L32" s="36">
        <v>2.537050462955504</v>
      </c>
    </row>
    <row r="33" spans="1:12" s="29" customFormat="1" ht="11.25" customHeight="1">
      <c r="A33" s="62"/>
      <c r="B33" s="45" t="s">
        <v>21</v>
      </c>
      <c r="C33" s="46"/>
      <c r="D33" s="47">
        <v>8446174</v>
      </c>
      <c r="E33" s="47">
        <v>57324</v>
      </c>
      <c r="F33" s="48">
        <v>0.67869783407256357</v>
      </c>
      <c r="G33" s="47">
        <v>33217</v>
      </c>
      <c r="H33" s="48">
        <v>0.39327866084691127</v>
      </c>
      <c r="I33" s="47">
        <v>24107</v>
      </c>
      <c r="J33" s="48">
        <v>0.28541917322565225</v>
      </c>
      <c r="K33" s="49">
        <v>3309457</v>
      </c>
      <c r="L33" s="50">
        <v>2.5521328725528085</v>
      </c>
    </row>
    <row r="34" spans="1:12" s="29" customFormat="1" ht="6" customHeight="1">
      <c r="A34" s="61"/>
      <c r="B34" s="23"/>
      <c r="C34" s="32"/>
      <c r="D34" s="33"/>
      <c r="E34" s="33"/>
      <c r="F34" s="34"/>
      <c r="G34" s="33"/>
      <c r="H34" s="34"/>
      <c r="I34" s="33"/>
      <c r="J34" s="34"/>
      <c r="K34" s="35"/>
      <c r="L34" s="36"/>
    </row>
    <row r="35" spans="1:12" s="29" customFormat="1" ht="11.25" customHeight="1">
      <c r="A35" s="31"/>
      <c r="B35" s="23">
        <v>11</v>
      </c>
      <c r="C35" s="32"/>
      <c r="D35" s="33">
        <v>8398336</v>
      </c>
      <c r="E35" s="33">
        <v>47838</v>
      </c>
      <c r="F35" s="34">
        <v>0.5696128375906846</v>
      </c>
      <c r="G35" s="33">
        <v>31408</v>
      </c>
      <c r="H35" s="34">
        <v>0.37397884533317077</v>
      </c>
      <c r="I35" s="33">
        <v>16430</v>
      </c>
      <c r="J35" s="34">
        <v>0.19563399225751388</v>
      </c>
      <c r="K35" s="35">
        <v>3256672</v>
      </c>
      <c r="L35" s="36">
        <v>2.5788092875180553</v>
      </c>
    </row>
    <row r="36" spans="1:12" s="29" customFormat="1" ht="11.25" customHeight="1">
      <c r="A36" s="61"/>
      <c r="B36" s="23">
        <v>10</v>
      </c>
      <c r="C36" s="32"/>
      <c r="D36" s="33">
        <v>8340837</v>
      </c>
      <c r="E36" s="33">
        <v>57499</v>
      </c>
      <c r="F36" s="34">
        <v>0.68936726613887789</v>
      </c>
      <c r="G36" s="33">
        <v>34626</v>
      </c>
      <c r="H36" s="34">
        <v>0.41513819296552618</v>
      </c>
      <c r="I36" s="33">
        <v>22873</v>
      </c>
      <c r="J36" s="34">
        <v>0.27422907317335182</v>
      </c>
      <c r="K36" s="35">
        <v>3197808</v>
      </c>
      <c r="L36" s="36">
        <v>2.6082982467990572</v>
      </c>
    </row>
    <row r="37" spans="1:12" s="29" customFormat="1" ht="11.25" customHeight="1">
      <c r="A37" s="61"/>
      <c r="B37" s="23">
        <v>9</v>
      </c>
      <c r="C37" s="32"/>
      <c r="D37" s="33">
        <v>8295504</v>
      </c>
      <c r="E37" s="33">
        <v>45333</v>
      </c>
      <c r="F37" s="34">
        <v>0.54647674210029917</v>
      </c>
      <c r="G37" s="33">
        <v>35197</v>
      </c>
      <c r="H37" s="34">
        <v>0.42429007327342622</v>
      </c>
      <c r="I37" s="33">
        <v>10136</v>
      </c>
      <c r="J37" s="34">
        <v>0.12218666882687296</v>
      </c>
      <c r="K37" s="35">
        <v>3147465</v>
      </c>
      <c r="L37" s="36">
        <v>2.6356143753782808</v>
      </c>
    </row>
    <row r="38" spans="1:12" s="29" customFormat="1" ht="11.25" customHeight="1">
      <c r="A38" s="61"/>
      <c r="B38" s="23">
        <v>8</v>
      </c>
      <c r="C38" s="32"/>
      <c r="D38" s="33">
        <v>8252665</v>
      </c>
      <c r="E38" s="33">
        <v>42839</v>
      </c>
      <c r="F38" s="34">
        <v>0.51909292331628631</v>
      </c>
      <c r="G38" s="33">
        <v>36959</v>
      </c>
      <c r="H38" s="34">
        <v>0.44784321185944176</v>
      </c>
      <c r="I38" s="33">
        <v>5880</v>
      </c>
      <c r="J38" s="34">
        <v>7.1249711456844542E-2</v>
      </c>
      <c r="K38" s="35">
        <v>3099841</v>
      </c>
      <c r="L38" s="36">
        <v>2.6622865495359278</v>
      </c>
    </row>
    <row r="39" spans="1:12" s="29" customFormat="1" ht="11.25" customHeight="1">
      <c r="A39" s="62"/>
      <c r="B39" s="45" t="s">
        <v>22</v>
      </c>
      <c r="C39" s="46"/>
      <c r="D39" s="47">
        <v>8238840</v>
      </c>
      <c r="E39" s="47">
        <v>13825</v>
      </c>
      <c r="F39" s="48">
        <v>0.16780274893067471</v>
      </c>
      <c r="G39" s="47">
        <v>35304</v>
      </c>
      <c r="H39" s="48">
        <v>0.42850692573226329</v>
      </c>
      <c r="I39" s="47">
        <v>-21479</v>
      </c>
      <c r="J39" s="48">
        <v>-0.26070417680158858</v>
      </c>
      <c r="K39" s="49">
        <v>3078412</v>
      </c>
      <c r="L39" s="50">
        <v>2.6763279249171328</v>
      </c>
    </row>
    <row r="40" spans="1:12" s="29" customFormat="1" ht="6" customHeight="1">
      <c r="A40" s="61"/>
      <c r="B40" s="23"/>
      <c r="C40" s="32"/>
      <c r="D40" s="33"/>
      <c r="E40" s="33"/>
      <c r="F40" s="34"/>
      <c r="G40" s="33"/>
      <c r="H40" s="34"/>
      <c r="I40" s="33"/>
      <c r="J40" s="34"/>
      <c r="K40" s="35"/>
      <c r="L40" s="36"/>
    </row>
    <row r="41" spans="1:12" s="29" customFormat="1" ht="11.25" customHeight="1">
      <c r="A41" s="31"/>
      <c r="B41" s="23">
        <v>6</v>
      </c>
      <c r="C41" s="32"/>
      <c r="D41" s="33">
        <v>8196872</v>
      </c>
      <c r="E41" s="33">
        <v>41968</v>
      </c>
      <c r="F41" s="34">
        <v>0.51200018738855502</v>
      </c>
      <c r="G41" s="33">
        <v>40246</v>
      </c>
      <c r="H41" s="34">
        <v>0.49099217359988057</v>
      </c>
      <c r="I41" s="33">
        <v>1722</v>
      </c>
      <c r="J41" s="34">
        <v>2.100801378867451E-2</v>
      </c>
      <c r="K41" s="35">
        <v>3038443</v>
      </c>
      <c r="L41" s="36">
        <v>2.6977211683747235</v>
      </c>
    </row>
    <row r="42" spans="1:12" s="29" customFormat="1" ht="11.25" customHeight="1">
      <c r="A42" s="61"/>
      <c r="B42" s="23">
        <v>5</v>
      </c>
      <c r="C42" s="32"/>
      <c r="D42" s="33">
        <v>8148512</v>
      </c>
      <c r="E42" s="33">
        <v>48360</v>
      </c>
      <c r="F42" s="34">
        <v>0.59348258921383434</v>
      </c>
      <c r="G42" s="33">
        <v>36360</v>
      </c>
      <c r="H42" s="34">
        <v>0.4462164380441484</v>
      </c>
      <c r="I42" s="33">
        <v>12000</v>
      </c>
      <c r="J42" s="34">
        <v>0.14726615116968594</v>
      </c>
      <c r="K42" s="35">
        <v>2988585</v>
      </c>
      <c r="L42" s="36">
        <v>2.7265451710424835</v>
      </c>
    </row>
    <row r="43" spans="1:12" s="29" customFormat="1" ht="11.25" customHeight="1">
      <c r="A43" s="61"/>
      <c r="B43" s="23">
        <v>4</v>
      </c>
      <c r="C43" s="32"/>
      <c r="D43" s="33">
        <v>8084849</v>
      </c>
      <c r="E43" s="33">
        <v>63663</v>
      </c>
      <c r="F43" s="34">
        <v>0.78743585687252782</v>
      </c>
      <c r="G43" s="33">
        <v>38388</v>
      </c>
      <c r="H43" s="34">
        <v>0.47481406269925391</v>
      </c>
      <c r="I43" s="33">
        <v>25275</v>
      </c>
      <c r="J43" s="34">
        <v>0.31262179417327396</v>
      </c>
      <c r="K43" s="35">
        <v>2928160</v>
      </c>
      <c r="L43" s="36">
        <v>2.7610680427299057</v>
      </c>
    </row>
    <row r="44" spans="1:12" s="29" customFormat="1" ht="11.25" customHeight="1">
      <c r="A44" s="61"/>
      <c r="B44" s="23">
        <v>3</v>
      </c>
      <c r="C44" s="32"/>
      <c r="D44" s="33">
        <v>7998747</v>
      </c>
      <c r="E44" s="33">
        <v>86102</v>
      </c>
      <c r="F44" s="34">
        <v>1.0764435979785334</v>
      </c>
      <c r="G44" s="33">
        <v>40921</v>
      </c>
      <c r="H44" s="34">
        <v>0.51159262819539109</v>
      </c>
      <c r="I44" s="33">
        <v>45181</v>
      </c>
      <c r="J44" s="34">
        <v>0.56485096978314231</v>
      </c>
      <c r="K44" s="35">
        <v>2857755</v>
      </c>
      <c r="L44" s="36">
        <v>2.7989617724402547</v>
      </c>
    </row>
    <row r="45" spans="1:12" s="29" customFormat="1" ht="11.25" customHeight="1">
      <c r="A45" s="62"/>
      <c r="B45" s="45" t="s">
        <v>23</v>
      </c>
      <c r="C45" s="46"/>
      <c r="D45" s="47">
        <v>7910382</v>
      </c>
      <c r="E45" s="47">
        <v>88365</v>
      </c>
      <c r="F45" s="48">
        <v>1.1170762676189341</v>
      </c>
      <c r="G45" s="47">
        <v>39966</v>
      </c>
      <c r="H45" s="48">
        <v>0.50523476615920693</v>
      </c>
      <c r="I45" s="47">
        <v>48399</v>
      </c>
      <c r="J45" s="48">
        <v>0.61184150145972727</v>
      </c>
      <c r="K45" s="49">
        <v>2777380</v>
      </c>
      <c r="L45" s="50">
        <v>2.8481453744176166</v>
      </c>
    </row>
    <row r="46" spans="1:12" s="29" customFormat="1" ht="6" customHeight="1">
      <c r="A46" s="61"/>
      <c r="B46" s="23"/>
      <c r="C46" s="32"/>
      <c r="D46" s="33"/>
      <c r="E46" s="33"/>
      <c r="F46" s="34"/>
      <c r="G46" s="33"/>
      <c r="H46" s="34"/>
      <c r="I46" s="33"/>
      <c r="J46" s="34"/>
      <c r="K46" s="35"/>
      <c r="L46" s="36"/>
    </row>
    <row r="47" spans="1:12" s="29" customFormat="1" ht="11.25" customHeight="1">
      <c r="A47" s="31"/>
      <c r="B47" s="23" t="s">
        <v>24</v>
      </c>
      <c r="C47" s="32"/>
      <c r="D47" s="33">
        <v>7810104</v>
      </c>
      <c r="E47" s="33">
        <v>100278</v>
      </c>
      <c r="F47" s="34">
        <v>1.2839521727239482</v>
      </c>
      <c r="G47" s="33">
        <v>42342</v>
      </c>
      <c r="H47" s="34">
        <v>0.54214386901890166</v>
      </c>
      <c r="I47" s="33">
        <v>57936</v>
      </c>
      <c r="J47" s="34">
        <v>0.74180830370504669</v>
      </c>
      <c r="K47" s="35">
        <v>2704986</v>
      </c>
      <c r="L47" s="36">
        <v>2.8872992318629374</v>
      </c>
    </row>
    <row r="48" spans="1:12" s="29" customFormat="1" ht="11.25" customHeight="1">
      <c r="A48" s="61"/>
      <c r="B48" s="23" t="s">
        <v>25</v>
      </c>
      <c r="C48" s="32"/>
      <c r="D48" s="33">
        <v>7701087</v>
      </c>
      <c r="E48" s="33">
        <v>109017</v>
      </c>
      <c r="F48" s="34">
        <v>1.4156053554517694</v>
      </c>
      <c r="G48" s="33">
        <v>47324</v>
      </c>
      <c r="H48" s="34">
        <v>0.6145106528467994</v>
      </c>
      <c r="I48" s="33">
        <v>61693</v>
      </c>
      <c r="J48" s="34">
        <v>0.80109470260496995</v>
      </c>
      <c r="K48" s="35">
        <v>2636591</v>
      </c>
      <c r="L48" s="36">
        <v>2.9208500673786721</v>
      </c>
    </row>
    <row r="49" spans="1:12" s="29" customFormat="1" ht="11.25" customHeight="1">
      <c r="A49" s="61"/>
      <c r="B49" s="23">
        <v>62</v>
      </c>
      <c r="C49" s="32"/>
      <c r="D49" s="33">
        <v>7572197</v>
      </c>
      <c r="E49" s="33">
        <v>128890</v>
      </c>
      <c r="F49" s="34">
        <v>1.7021480027527018</v>
      </c>
      <c r="G49" s="33">
        <v>48655</v>
      </c>
      <c r="H49" s="34">
        <v>0.64254799498745219</v>
      </c>
      <c r="I49" s="33">
        <v>80235</v>
      </c>
      <c r="J49" s="34">
        <v>1.0596000077652497</v>
      </c>
      <c r="K49" s="35">
        <v>2566064</v>
      </c>
      <c r="L49" s="36">
        <v>2.9508995099108986</v>
      </c>
    </row>
    <row r="50" spans="1:12" s="29" customFormat="1" ht="11.25" customHeight="1">
      <c r="A50" s="61"/>
      <c r="B50" s="23">
        <v>61</v>
      </c>
      <c r="C50" s="32"/>
      <c r="D50" s="33">
        <v>7452253</v>
      </c>
      <c r="E50" s="33">
        <v>119944</v>
      </c>
      <c r="F50" s="34">
        <v>1.6094998385052146</v>
      </c>
      <c r="G50" s="33">
        <v>49040</v>
      </c>
      <c r="H50" s="34">
        <v>0.65805602681497799</v>
      </c>
      <c r="I50" s="33">
        <v>70904</v>
      </c>
      <c r="J50" s="34">
        <v>0.95144381169023651</v>
      </c>
      <c r="K50" s="35">
        <v>2497481</v>
      </c>
      <c r="L50" s="36">
        <v>2.9839077854846545</v>
      </c>
    </row>
    <row r="51" spans="1:12" s="29" customFormat="1" ht="11.25" customHeight="1">
      <c r="A51" s="62"/>
      <c r="B51" s="45" t="s">
        <v>26</v>
      </c>
      <c r="C51" s="46"/>
      <c r="D51" s="47">
        <v>7349993</v>
      </c>
      <c r="E51" s="47">
        <v>102260</v>
      </c>
      <c r="F51" s="48">
        <v>1.391293842048557</v>
      </c>
      <c r="G51" s="47">
        <v>52583</v>
      </c>
      <c r="H51" s="48">
        <v>0.71541564733463014</v>
      </c>
      <c r="I51" s="47">
        <v>49677</v>
      </c>
      <c r="J51" s="48">
        <v>0.67587819471392696</v>
      </c>
      <c r="K51" s="49">
        <v>2466824</v>
      </c>
      <c r="L51" s="50">
        <v>2.9795368457579463</v>
      </c>
    </row>
    <row r="52" spans="1:12" s="29" customFormat="1" ht="6" customHeight="1">
      <c r="A52" s="61"/>
      <c r="B52" s="23"/>
      <c r="C52" s="32"/>
      <c r="D52" s="33"/>
      <c r="E52" s="33"/>
      <c r="F52" s="34"/>
      <c r="G52" s="33"/>
      <c r="H52" s="34"/>
      <c r="I52" s="33"/>
      <c r="J52" s="34"/>
      <c r="K52" s="35"/>
      <c r="L52" s="36"/>
    </row>
    <row r="53" spans="1:12" s="29" customFormat="1" ht="11.25" customHeight="1">
      <c r="A53" s="31"/>
      <c r="B53" s="23">
        <v>59</v>
      </c>
      <c r="C53" s="32"/>
      <c r="D53" s="33">
        <v>7248578</v>
      </c>
      <c r="E53" s="33">
        <v>101415</v>
      </c>
      <c r="F53" s="34">
        <v>1.3991020031791064</v>
      </c>
      <c r="G53" s="33">
        <v>55972</v>
      </c>
      <c r="H53" s="34">
        <v>0.77217903980615232</v>
      </c>
      <c r="I53" s="33">
        <v>45443</v>
      </c>
      <c r="J53" s="34">
        <v>0.62692296337295395</v>
      </c>
      <c r="K53" s="35">
        <v>2414153</v>
      </c>
      <c r="L53" s="36">
        <v>3.0025346363714314</v>
      </c>
    </row>
    <row r="54" spans="1:12" s="29" customFormat="1" ht="11.25" customHeight="1">
      <c r="A54" s="61"/>
      <c r="B54" s="23">
        <v>58</v>
      </c>
      <c r="C54" s="32"/>
      <c r="D54" s="33">
        <v>7148043</v>
      </c>
      <c r="E54" s="33">
        <v>100535</v>
      </c>
      <c r="F54" s="34">
        <v>1.4064688754670334</v>
      </c>
      <c r="G54" s="33">
        <v>58352</v>
      </c>
      <c r="H54" s="34">
        <v>0.816335324227904</v>
      </c>
      <c r="I54" s="33">
        <v>42183</v>
      </c>
      <c r="J54" s="34">
        <v>0.59013355123912936</v>
      </c>
      <c r="K54" s="35">
        <v>2362386</v>
      </c>
      <c r="L54" s="36">
        <v>3.025772672205135</v>
      </c>
    </row>
    <row r="55" spans="1:12" s="29" customFormat="1" ht="11.25" customHeight="1">
      <c r="A55" s="61"/>
      <c r="B55" s="23">
        <v>57</v>
      </c>
      <c r="C55" s="32"/>
      <c r="D55" s="33">
        <v>7044560</v>
      </c>
      <c r="E55" s="33">
        <v>103483</v>
      </c>
      <c r="F55" s="34">
        <v>1.468977480495588</v>
      </c>
      <c r="G55" s="33">
        <v>60339</v>
      </c>
      <c r="H55" s="34">
        <v>0.85653326822399123</v>
      </c>
      <c r="I55" s="33">
        <v>43144</v>
      </c>
      <c r="J55" s="34">
        <v>0.61244421227159684</v>
      </c>
      <c r="K55" s="35">
        <v>2310377</v>
      </c>
      <c r="L55" s="36">
        <v>3.0490954506558885</v>
      </c>
    </row>
    <row r="56" spans="1:12" s="29" customFormat="1" ht="11.25" customHeight="1">
      <c r="A56" s="61"/>
      <c r="B56" s="23">
        <v>56</v>
      </c>
      <c r="C56" s="32"/>
      <c r="D56" s="33">
        <v>6943574</v>
      </c>
      <c r="E56" s="33">
        <v>100986</v>
      </c>
      <c r="F56" s="34">
        <v>1.4543806978941969</v>
      </c>
      <c r="G56" s="33">
        <v>62127</v>
      </c>
      <c r="H56" s="34">
        <v>0.89474095040968826</v>
      </c>
      <c r="I56" s="33">
        <v>38859</v>
      </c>
      <c r="J56" s="34">
        <v>0.55963974748450873</v>
      </c>
      <c r="K56" s="35">
        <v>2264063</v>
      </c>
      <c r="L56" s="36">
        <v>3.0668643054543976</v>
      </c>
    </row>
    <row r="57" spans="1:12" s="29" customFormat="1" ht="11.25" customHeight="1">
      <c r="A57" s="62"/>
      <c r="B57" s="45" t="s">
        <v>27</v>
      </c>
      <c r="C57" s="46"/>
      <c r="D57" s="47">
        <v>6857040</v>
      </c>
      <c r="E57" s="47">
        <v>86534</v>
      </c>
      <c r="F57" s="48">
        <v>1.2619730962631106</v>
      </c>
      <c r="G57" s="47">
        <v>64640</v>
      </c>
      <c r="H57" s="48">
        <v>0.94268080687876976</v>
      </c>
      <c r="I57" s="47">
        <v>21894</v>
      </c>
      <c r="J57" s="48">
        <v>0.31929228938434079</v>
      </c>
      <c r="K57" s="49">
        <v>2053145</v>
      </c>
      <c r="L57" s="50">
        <v>3.339773859128313</v>
      </c>
    </row>
    <row r="58" spans="1:12" s="29" customFormat="1" ht="6" customHeight="1">
      <c r="A58" s="61"/>
      <c r="B58" s="23"/>
      <c r="C58" s="32"/>
      <c r="D58" s="33"/>
      <c r="E58" s="33"/>
      <c r="F58" s="34"/>
      <c r="G58" s="33"/>
      <c r="H58" s="34"/>
      <c r="I58" s="33"/>
      <c r="J58" s="34"/>
      <c r="K58" s="35"/>
      <c r="L58" s="36"/>
    </row>
    <row r="59" spans="1:12" s="29" customFormat="1" ht="11.25" customHeight="1">
      <c r="A59" s="31"/>
      <c r="B59" s="23">
        <v>54</v>
      </c>
      <c r="C59" s="32"/>
      <c r="D59" s="33">
        <v>6759223</v>
      </c>
      <c r="E59" s="33">
        <v>97817</v>
      </c>
      <c r="F59" s="34">
        <v>1.4471633795778005</v>
      </c>
      <c r="G59" s="33">
        <v>71989</v>
      </c>
      <c r="H59" s="34">
        <v>1.0650484530544413</v>
      </c>
      <c r="I59" s="33">
        <v>25828</v>
      </c>
      <c r="J59" s="34">
        <v>0.38211492652335927</v>
      </c>
      <c r="K59" s="35">
        <v>2019404</v>
      </c>
      <c r="L59" s="36">
        <v>3.3471375712834082</v>
      </c>
    </row>
    <row r="60" spans="1:12" s="29" customFormat="1" ht="11.25" customHeight="1">
      <c r="A60" s="61"/>
      <c r="B60" s="23">
        <v>53</v>
      </c>
      <c r="C60" s="32"/>
      <c r="D60" s="33">
        <v>6646694</v>
      </c>
      <c r="E60" s="33">
        <v>112529</v>
      </c>
      <c r="F60" s="34">
        <v>1.6930070799107046</v>
      </c>
      <c r="G60" s="33">
        <v>76221</v>
      </c>
      <c r="H60" s="34">
        <v>1.1467505499726631</v>
      </c>
      <c r="I60" s="33">
        <v>36308</v>
      </c>
      <c r="J60" s="34">
        <v>0.54625652993804141</v>
      </c>
      <c r="K60" s="35">
        <v>1982548</v>
      </c>
      <c r="L60" s="36">
        <v>3.3526018033359093</v>
      </c>
    </row>
    <row r="61" spans="1:12" s="29" customFormat="1" ht="11.25" customHeight="1">
      <c r="A61" s="61"/>
      <c r="B61" s="23">
        <v>52</v>
      </c>
      <c r="C61" s="32"/>
      <c r="D61" s="33">
        <v>6534674</v>
      </c>
      <c r="E61" s="33">
        <v>112020</v>
      </c>
      <c r="F61" s="34">
        <v>1.7142400676759084</v>
      </c>
      <c r="G61" s="33">
        <v>81332</v>
      </c>
      <c r="H61" s="34">
        <v>1.2446221494752454</v>
      </c>
      <c r="I61" s="33">
        <v>30688</v>
      </c>
      <c r="J61" s="34">
        <v>0.46961791820066312</v>
      </c>
      <c r="K61" s="35">
        <v>1947681</v>
      </c>
      <c r="L61" s="36">
        <v>3.3551048657351998</v>
      </c>
    </row>
    <row r="62" spans="1:12" s="29" customFormat="1" ht="11.25" customHeight="1">
      <c r="A62" s="61"/>
      <c r="B62" s="23">
        <v>51</v>
      </c>
      <c r="C62" s="32"/>
      <c r="D62" s="33">
        <v>6421325</v>
      </c>
      <c r="E62" s="33">
        <v>113349</v>
      </c>
      <c r="F62" s="34">
        <v>1.7651964353151413</v>
      </c>
      <c r="G62" s="33">
        <v>87123</v>
      </c>
      <c r="H62" s="34">
        <v>1.3567760547862007</v>
      </c>
      <c r="I62" s="33">
        <v>26226</v>
      </c>
      <c r="J62" s="34">
        <v>0.4084203805289407</v>
      </c>
      <c r="K62" s="35">
        <v>1913271</v>
      </c>
      <c r="L62" s="36">
        <v>3.3562025452745585</v>
      </c>
    </row>
    <row r="63" spans="1:12" s="29" customFormat="1" ht="11.25" customHeight="1">
      <c r="A63" s="62"/>
      <c r="B63" s="45" t="s">
        <v>28</v>
      </c>
      <c r="C63" s="46"/>
      <c r="D63" s="47">
        <v>6295998</v>
      </c>
      <c r="E63" s="47">
        <v>125327</v>
      </c>
      <c r="F63" s="48">
        <v>1.9905819538062115</v>
      </c>
      <c r="G63" s="47">
        <v>90784</v>
      </c>
      <c r="H63" s="48">
        <v>1.4419318430533175</v>
      </c>
      <c r="I63" s="47">
        <v>34543</v>
      </c>
      <c r="J63" s="48">
        <v>0.54865011075289405</v>
      </c>
      <c r="K63" s="49">
        <v>1864491</v>
      </c>
      <c r="L63" s="50">
        <v>3.3767918429212047</v>
      </c>
    </row>
    <row r="64" spans="1:12" s="29" customFormat="1" ht="6" customHeight="1">
      <c r="A64" s="61"/>
      <c r="B64" s="23"/>
      <c r="C64" s="32"/>
      <c r="D64" s="33"/>
      <c r="E64" s="33"/>
      <c r="F64" s="34"/>
      <c r="G64" s="33"/>
      <c r="H64" s="34"/>
      <c r="I64" s="33"/>
      <c r="J64" s="34"/>
      <c r="K64" s="35"/>
      <c r="L64" s="36"/>
    </row>
    <row r="65" spans="1:12" s="29" customFormat="1" ht="11.25" customHeight="1">
      <c r="A65" s="31"/>
      <c r="B65" s="23">
        <v>49</v>
      </c>
      <c r="C65" s="32"/>
      <c r="D65" s="33">
        <v>6138096</v>
      </c>
      <c r="E65" s="33">
        <v>157902</v>
      </c>
      <c r="F65" s="34">
        <v>2.5724915348342545</v>
      </c>
      <c r="G65" s="33">
        <v>101799</v>
      </c>
      <c r="H65" s="34">
        <v>1.6584784597699349</v>
      </c>
      <c r="I65" s="33">
        <v>56103</v>
      </c>
      <c r="J65" s="34">
        <v>0.91401307506431961</v>
      </c>
      <c r="K65" s="35">
        <v>1801478</v>
      </c>
      <c r="L65" s="36">
        <v>3.4072555979034993</v>
      </c>
    </row>
    <row r="66" spans="1:12" s="29" customFormat="1" ht="11.25" customHeight="1">
      <c r="A66" s="61"/>
      <c r="B66" s="23">
        <v>48</v>
      </c>
      <c r="C66" s="32"/>
      <c r="D66" s="33">
        <v>5958190</v>
      </c>
      <c r="E66" s="33">
        <v>179906</v>
      </c>
      <c r="F66" s="34">
        <v>3.0194740348998605</v>
      </c>
      <c r="G66" s="33">
        <v>108371</v>
      </c>
      <c r="H66" s="34">
        <v>1.8188577403540338</v>
      </c>
      <c r="I66" s="33">
        <v>71535</v>
      </c>
      <c r="J66" s="34">
        <v>1.2006162945458267</v>
      </c>
      <c r="K66" s="35">
        <v>1730604</v>
      </c>
      <c r="L66" s="36">
        <v>3.4428384540888612</v>
      </c>
    </row>
    <row r="67" spans="1:12" s="29" customFormat="1" ht="11.25" customHeight="1">
      <c r="A67" s="61"/>
      <c r="B67" s="23">
        <v>47</v>
      </c>
      <c r="C67" s="32"/>
      <c r="D67" s="33">
        <v>5758256</v>
      </c>
      <c r="E67" s="33">
        <v>199934</v>
      </c>
      <c r="F67" s="34">
        <v>3.4721276719895751</v>
      </c>
      <c r="G67" s="33">
        <v>106384</v>
      </c>
      <c r="H67" s="34">
        <v>1.8475038275477851</v>
      </c>
      <c r="I67" s="33">
        <v>93550</v>
      </c>
      <c r="J67" s="34">
        <v>1.6246238444417895</v>
      </c>
      <c r="K67" s="35">
        <v>1651473</v>
      </c>
      <c r="L67" s="36">
        <v>3.4867394138444889</v>
      </c>
    </row>
    <row r="68" spans="1:12" s="29" customFormat="1" ht="11.25" customHeight="1">
      <c r="A68" s="61"/>
      <c r="B68" s="23">
        <v>46</v>
      </c>
      <c r="C68" s="32"/>
      <c r="D68" s="33">
        <v>5524380</v>
      </c>
      <c r="E68" s="33">
        <v>233876</v>
      </c>
      <c r="F68" s="34">
        <v>4.2335248480372458</v>
      </c>
      <c r="G68" s="33">
        <v>102700</v>
      </c>
      <c r="H68" s="34">
        <v>1.8590321447836682</v>
      </c>
      <c r="I68" s="33">
        <v>131176</v>
      </c>
      <c r="J68" s="34">
        <v>2.3744927032535781</v>
      </c>
      <c r="K68" s="35">
        <v>1554798</v>
      </c>
      <c r="L68" s="36">
        <v>3.5531175110850413</v>
      </c>
    </row>
    <row r="69" spans="1:12" s="29" customFormat="1" ht="11.25" customHeight="1">
      <c r="A69" s="62"/>
      <c r="B69" s="45" t="s">
        <v>29</v>
      </c>
      <c r="C69" s="46"/>
      <c r="D69" s="47">
        <v>5292904</v>
      </c>
      <c r="E69" s="47">
        <v>231476</v>
      </c>
      <c r="F69" s="48">
        <v>4.3733270053641631</v>
      </c>
      <c r="G69" s="47">
        <v>97696</v>
      </c>
      <c r="H69" s="48">
        <v>1.8457920264565539</v>
      </c>
      <c r="I69" s="47">
        <v>133780</v>
      </c>
      <c r="J69" s="48">
        <v>2.5275349789076094</v>
      </c>
      <c r="K69" s="49">
        <v>1469259</v>
      </c>
      <c r="L69" s="50">
        <v>3.6024308852285403</v>
      </c>
    </row>
    <row r="70" spans="1:12" s="29" customFormat="1" ht="6" customHeight="1">
      <c r="A70" s="61"/>
      <c r="B70" s="23"/>
      <c r="C70" s="32"/>
      <c r="D70" s="33"/>
      <c r="E70" s="33"/>
      <c r="F70" s="34"/>
      <c r="G70" s="33"/>
      <c r="H70" s="34"/>
      <c r="I70" s="33"/>
      <c r="J70" s="34"/>
      <c r="K70" s="35"/>
      <c r="L70" s="36"/>
    </row>
    <row r="71" spans="1:12" s="29" customFormat="1" ht="11.25" customHeight="1">
      <c r="A71" s="31"/>
      <c r="B71" s="23">
        <v>44</v>
      </c>
      <c r="C71" s="32"/>
      <c r="D71" s="33">
        <v>5073378</v>
      </c>
      <c r="E71" s="33">
        <v>219526</v>
      </c>
      <c r="F71" s="34">
        <v>4.3270184086421315</v>
      </c>
      <c r="G71" s="33">
        <v>90246</v>
      </c>
      <c r="H71" s="34">
        <v>1.7788148251519993</v>
      </c>
      <c r="I71" s="33">
        <v>129280</v>
      </c>
      <c r="J71" s="34">
        <v>2.5482035834901322</v>
      </c>
      <c r="K71" s="35">
        <v>1376682</v>
      </c>
      <c r="L71" s="36">
        <v>3.6852214236839007</v>
      </c>
    </row>
    <row r="72" spans="1:12" s="29" customFormat="1" ht="11.25" customHeight="1">
      <c r="A72" s="61"/>
      <c r="B72" s="23">
        <v>43</v>
      </c>
      <c r="C72" s="32"/>
      <c r="D72" s="33">
        <v>4845739</v>
      </c>
      <c r="E72" s="33">
        <v>227639</v>
      </c>
      <c r="F72" s="34">
        <v>4.6977148377161875</v>
      </c>
      <c r="G72" s="33">
        <v>86018</v>
      </c>
      <c r="H72" s="34">
        <v>1.7751265596434311</v>
      </c>
      <c r="I72" s="33">
        <v>141621</v>
      </c>
      <c r="J72" s="34">
        <v>2.9225882780727566</v>
      </c>
      <c r="K72" s="35">
        <v>1297113</v>
      </c>
      <c r="L72" s="36">
        <v>3.7357878611963646</v>
      </c>
    </row>
    <row r="73" spans="1:12" s="29" customFormat="1" ht="11.25" customHeight="1">
      <c r="A73" s="61"/>
      <c r="B73" s="23">
        <v>42</v>
      </c>
      <c r="C73" s="32"/>
      <c r="D73" s="33">
        <v>4638525</v>
      </c>
      <c r="E73" s="33">
        <v>207214</v>
      </c>
      <c r="F73" s="34">
        <v>4.4672390468952949</v>
      </c>
      <c r="G73" s="33">
        <v>85699</v>
      </c>
      <c r="H73" s="34">
        <v>1.847548520273147</v>
      </c>
      <c r="I73" s="33">
        <v>121515</v>
      </c>
      <c r="J73" s="34">
        <v>2.619690526622148</v>
      </c>
      <c r="K73" s="35">
        <v>1227888</v>
      </c>
      <c r="L73" s="36">
        <v>3.7776450295140926</v>
      </c>
    </row>
    <row r="74" spans="1:12" s="29" customFormat="1" ht="11.25" customHeight="1">
      <c r="A74" s="31"/>
      <c r="B74" s="23">
        <v>41</v>
      </c>
      <c r="C74" s="32"/>
      <c r="D74" s="33">
        <v>4474335</v>
      </c>
      <c r="E74" s="33">
        <v>164190</v>
      </c>
      <c r="F74" s="34">
        <v>3.6695955935351283</v>
      </c>
      <c r="G74" s="33">
        <v>55394</v>
      </c>
      <c r="H74" s="34">
        <v>1.2380387253077831</v>
      </c>
      <c r="I74" s="33">
        <v>108796</v>
      </c>
      <c r="J74" s="34">
        <v>2.4315568682273456</v>
      </c>
      <c r="K74" s="35">
        <v>1164807</v>
      </c>
      <c r="L74" s="36">
        <v>3.8412672657358686</v>
      </c>
    </row>
    <row r="75" spans="1:12" s="29" customFormat="1" ht="11.25" customHeight="1">
      <c r="A75" s="62"/>
      <c r="B75" s="45" t="s">
        <v>31</v>
      </c>
      <c r="C75" s="46"/>
      <c r="D75" s="47">
        <v>4254849</v>
      </c>
      <c r="E75" s="47">
        <v>219486</v>
      </c>
      <c r="F75" s="48">
        <v>5.1584909358710496</v>
      </c>
      <c r="G75" s="47">
        <v>73843</v>
      </c>
      <c r="H75" s="48">
        <v>1.7355022469657562</v>
      </c>
      <c r="I75" s="47">
        <v>145643</v>
      </c>
      <c r="J75" s="48">
        <v>3.4229886889052938</v>
      </c>
      <c r="K75" s="49">
        <v>1095062</v>
      </c>
      <c r="L75" s="50">
        <v>3.8854868491464409</v>
      </c>
    </row>
    <row r="76" spans="1:12" s="29" customFormat="1" ht="5.0999999999999996" customHeight="1">
      <c r="A76" s="61"/>
      <c r="B76" s="23"/>
      <c r="C76" s="32"/>
      <c r="D76" s="33"/>
      <c r="E76" s="33"/>
      <c r="F76" s="34"/>
      <c r="G76" s="33"/>
      <c r="H76" s="34"/>
      <c r="I76" s="33"/>
      <c r="J76" s="34"/>
      <c r="K76" s="35"/>
      <c r="L76" s="36"/>
    </row>
    <row r="77" spans="1:12" s="29" customFormat="1" ht="11.25" customHeight="1">
      <c r="A77" s="61"/>
      <c r="B77" s="23">
        <v>39</v>
      </c>
      <c r="C77" s="32"/>
      <c r="D77" s="33">
        <v>4023952</v>
      </c>
      <c r="E77" s="33">
        <v>230897</v>
      </c>
      <c r="F77" s="34">
        <v>5.7380654640015587</v>
      </c>
      <c r="G77" s="33">
        <v>63494</v>
      </c>
      <c r="H77" s="34">
        <v>1.5779015256643221</v>
      </c>
      <c r="I77" s="33">
        <v>167403</v>
      </c>
      <c r="J77" s="34">
        <v>4.1601639383372362</v>
      </c>
      <c r="K77" s="35">
        <v>1018301</v>
      </c>
      <c r="L77" s="36">
        <v>3.9516331615111837</v>
      </c>
    </row>
    <row r="78" spans="1:12" s="29" customFormat="1" ht="11.25" customHeight="1">
      <c r="A78" s="61"/>
      <c r="B78" s="23">
        <v>38</v>
      </c>
      <c r="C78" s="32"/>
      <c r="D78" s="33">
        <v>3836417</v>
      </c>
      <c r="E78" s="33">
        <v>187535</v>
      </c>
      <c r="F78" s="34">
        <v>4.8882850847548633</v>
      </c>
      <c r="G78" s="33">
        <v>54670</v>
      </c>
      <c r="H78" s="34">
        <v>1.4250275712989491</v>
      </c>
      <c r="I78" s="33">
        <v>132865</v>
      </c>
      <c r="J78" s="34">
        <v>3.4632575134559147</v>
      </c>
      <c r="K78" s="35">
        <v>952134</v>
      </c>
      <c r="L78" s="36">
        <v>4.0292826429893269</v>
      </c>
    </row>
    <row r="79" spans="1:12" s="29" customFormat="1" ht="11.25" customHeight="1">
      <c r="A79" s="61"/>
      <c r="B79" s="23">
        <v>37</v>
      </c>
      <c r="C79" s="32"/>
      <c r="D79" s="33">
        <v>3643446</v>
      </c>
      <c r="E79" s="33">
        <v>192971</v>
      </c>
      <c r="F79" s="34">
        <v>5.2963869918752744</v>
      </c>
      <c r="G79" s="33">
        <v>47778</v>
      </c>
      <c r="H79" s="34">
        <v>1.311340966766078</v>
      </c>
      <c r="I79" s="33">
        <v>145193</v>
      </c>
      <c r="J79" s="34">
        <v>3.9850460251091966</v>
      </c>
      <c r="K79" s="35">
        <v>884176</v>
      </c>
      <c r="L79" s="36">
        <v>4.1207248330649104</v>
      </c>
    </row>
    <row r="80" spans="1:12" s="29" customFormat="1" ht="11.25" customHeight="1">
      <c r="A80" s="61"/>
      <c r="B80" s="23">
        <v>36</v>
      </c>
      <c r="C80" s="32"/>
      <c r="D80" s="33">
        <v>3477556</v>
      </c>
      <c r="E80" s="33">
        <v>165890</v>
      </c>
      <c r="F80" s="34">
        <v>4.7703042021465647</v>
      </c>
      <c r="G80" s="33">
        <v>44449</v>
      </c>
      <c r="H80" s="34">
        <v>1.2781677706987322</v>
      </c>
      <c r="I80" s="33">
        <v>121441</v>
      </c>
      <c r="J80" s="34">
        <v>3.4921364314478329</v>
      </c>
      <c r="K80" s="35">
        <v>828771</v>
      </c>
      <c r="L80" s="36">
        <v>4.1960396780292744</v>
      </c>
    </row>
    <row r="81" spans="1:19" s="29" customFormat="1" ht="11.25" customHeight="1">
      <c r="A81" s="62"/>
      <c r="B81" s="45" t="s">
        <v>32</v>
      </c>
      <c r="C81" s="46"/>
      <c r="D81" s="47">
        <v>3332163</v>
      </c>
      <c r="E81" s="47">
        <v>145393</v>
      </c>
      <c r="F81" s="48">
        <v>4.3633219623409776</v>
      </c>
      <c r="G81" s="47">
        <v>40148</v>
      </c>
      <c r="H81" s="48">
        <v>1.2048630274089234</v>
      </c>
      <c r="I81" s="47">
        <v>105245</v>
      </c>
      <c r="J81" s="48">
        <v>3.1584589349320549</v>
      </c>
      <c r="K81" s="57" t="s">
        <v>14</v>
      </c>
      <c r="L81" s="58" t="s">
        <v>14</v>
      </c>
    </row>
    <row r="82" spans="1:19" s="29" customFormat="1" ht="5.0999999999999996" customHeight="1">
      <c r="A82" s="61"/>
      <c r="B82" s="23"/>
      <c r="C82" s="32"/>
      <c r="D82" s="33"/>
      <c r="E82" s="33"/>
      <c r="F82" s="34"/>
      <c r="G82" s="33"/>
      <c r="H82" s="34"/>
      <c r="I82" s="33"/>
      <c r="J82" s="34"/>
      <c r="K82" s="35"/>
      <c r="L82" s="36"/>
    </row>
    <row r="83" spans="1:19" s="29" customFormat="1" ht="11.25" customHeight="1">
      <c r="A83" s="61"/>
      <c r="B83" s="23">
        <v>34</v>
      </c>
      <c r="C83" s="32"/>
      <c r="D83" s="33">
        <v>3208381</v>
      </c>
      <c r="E83" s="33">
        <v>123782</v>
      </c>
      <c r="F83" s="34">
        <v>3.8580829396508705</v>
      </c>
      <c r="G83" s="33">
        <v>38423</v>
      </c>
      <c r="H83" s="34">
        <v>1.1975822073500624</v>
      </c>
      <c r="I83" s="33">
        <v>85359</v>
      </c>
      <c r="J83" s="34">
        <v>2.6605007323008087</v>
      </c>
      <c r="K83" s="59" t="s">
        <v>14</v>
      </c>
      <c r="L83" s="60" t="s">
        <v>14</v>
      </c>
    </row>
    <row r="84" spans="1:19" s="29" customFormat="1" ht="11.25" customHeight="1">
      <c r="A84" s="61"/>
      <c r="B84" s="23" t="s">
        <v>13</v>
      </c>
      <c r="C84" s="63"/>
      <c r="D84" s="33">
        <v>3099197</v>
      </c>
      <c r="E84" s="33">
        <v>109184</v>
      </c>
      <c r="F84" s="64" t="s">
        <v>14</v>
      </c>
      <c r="G84" s="33">
        <v>35708</v>
      </c>
      <c r="H84" s="64" t="s">
        <v>14</v>
      </c>
      <c r="I84" s="33">
        <v>73476</v>
      </c>
      <c r="J84" s="64" t="s">
        <v>14</v>
      </c>
      <c r="K84" s="65" t="s">
        <v>14</v>
      </c>
      <c r="L84" s="66" t="s">
        <v>14</v>
      </c>
    </row>
    <row r="85" spans="1:19" s="29" customFormat="1" ht="6" customHeight="1" thickBot="1">
      <c r="A85" s="51"/>
      <c r="B85" s="52"/>
      <c r="C85" s="52"/>
      <c r="D85" s="53"/>
      <c r="E85" s="53"/>
      <c r="F85" s="54"/>
      <c r="G85" s="53"/>
      <c r="H85" s="54"/>
      <c r="I85" s="53"/>
      <c r="J85" s="54"/>
      <c r="K85" s="55"/>
      <c r="L85" s="56"/>
    </row>
    <row r="86" spans="1:19" s="265" customFormat="1" ht="13.5" customHeight="1">
      <c r="A86" s="200" t="s">
        <v>30</v>
      </c>
      <c r="B86" s="200"/>
      <c r="C86" s="200"/>
      <c r="D86" s="200"/>
      <c r="E86" s="200"/>
      <c r="F86" s="200"/>
      <c r="G86" s="200"/>
      <c r="H86" s="200"/>
      <c r="I86" s="200"/>
      <c r="J86" s="200"/>
      <c r="K86" s="200"/>
      <c r="L86" s="200"/>
      <c r="M86" s="263"/>
      <c r="N86" s="263"/>
      <c r="O86" s="264"/>
      <c r="P86" s="264"/>
      <c r="Q86" s="264"/>
      <c r="R86" s="264"/>
      <c r="S86" s="264"/>
    </row>
  </sheetData>
  <mergeCells count="10">
    <mergeCell ref="A86:L86"/>
    <mergeCell ref="A1:L1"/>
    <mergeCell ref="A2:C2"/>
    <mergeCell ref="A3:C5"/>
    <mergeCell ref="D3:D5"/>
    <mergeCell ref="E3:E5"/>
    <mergeCell ref="K3:K5"/>
    <mergeCell ref="L3:L5"/>
    <mergeCell ref="G4:H4"/>
    <mergeCell ref="I4:J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7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79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9</v>
      </c>
      <c r="B2" s="202"/>
      <c r="C2" s="202"/>
      <c r="I2" s="236"/>
      <c r="J2" s="236"/>
      <c r="K2" s="236"/>
    </row>
    <row r="3" spans="1:22" ht="15" customHeight="1">
      <c r="A3" s="203" t="s">
        <v>92</v>
      </c>
      <c r="B3" s="204"/>
      <c r="C3" s="204"/>
      <c r="D3" s="215" t="s">
        <v>180</v>
      </c>
      <c r="E3" s="204"/>
      <c r="F3" s="204"/>
      <c r="G3" s="251"/>
      <c r="H3" s="215" t="s">
        <v>181</v>
      </c>
      <c r="I3" s="204"/>
      <c r="J3" s="204"/>
      <c r="K3" s="252"/>
    </row>
    <row r="4" spans="1:22" ht="15" customHeight="1">
      <c r="A4" s="207"/>
      <c r="B4" s="208"/>
      <c r="C4" s="208"/>
      <c r="D4" s="74" t="s">
        <v>172</v>
      </c>
      <c r="E4" s="74" t="s">
        <v>173</v>
      </c>
      <c r="F4" s="74" t="s">
        <v>174</v>
      </c>
      <c r="G4" s="74" t="s">
        <v>5</v>
      </c>
      <c r="H4" s="74" t="s">
        <v>175</v>
      </c>
      <c r="I4" s="74" t="s">
        <v>173</v>
      </c>
      <c r="J4" s="74" t="s">
        <v>174</v>
      </c>
      <c r="K4" s="92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246" t="s">
        <v>96</v>
      </c>
      <c r="B6" s="247"/>
      <c r="C6" s="16"/>
      <c r="D6" s="17">
        <v>9243550</v>
      </c>
      <c r="E6" s="17">
        <v>4589934</v>
      </c>
      <c r="F6" s="17">
        <v>4653616</v>
      </c>
      <c r="G6" s="17">
        <v>4260454</v>
      </c>
      <c r="H6" s="17">
        <v>9243355</v>
      </c>
      <c r="I6" s="17">
        <v>4589637</v>
      </c>
      <c r="J6" s="17">
        <v>4653718</v>
      </c>
      <c r="K6" s="156">
        <v>4263005</v>
      </c>
    </row>
    <row r="7" spans="1:22" s="29" customFormat="1" ht="9.75" customHeight="1">
      <c r="A7" s="248" t="s">
        <v>97</v>
      </c>
      <c r="B7" s="249"/>
      <c r="C7" s="32"/>
      <c r="D7" s="146">
        <v>8955415</v>
      </c>
      <c r="E7" s="146">
        <v>4448258</v>
      </c>
      <c r="F7" s="146">
        <v>4507157</v>
      </c>
      <c r="G7" s="146">
        <v>4138826</v>
      </c>
      <c r="H7" s="146">
        <v>8955321</v>
      </c>
      <c r="I7" s="146">
        <v>4448024</v>
      </c>
      <c r="J7" s="146">
        <v>4507297</v>
      </c>
      <c r="K7" s="157">
        <v>4141290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288135</v>
      </c>
      <c r="E8" s="146">
        <v>141676</v>
      </c>
      <c r="F8" s="146">
        <v>146459</v>
      </c>
      <c r="G8" s="146">
        <v>121628</v>
      </c>
      <c r="H8" s="146">
        <v>288034</v>
      </c>
      <c r="I8" s="146">
        <v>141613</v>
      </c>
      <c r="J8" s="146">
        <v>146421</v>
      </c>
      <c r="K8" s="157">
        <v>121715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3779446</v>
      </c>
      <c r="E10" s="152">
        <v>1867611</v>
      </c>
      <c r="F10" s="152">
        <v>1911835</v>
      </c>
      <c r="G10" s="152">
        <v>1767031</v>
      </c>
      <c r="H10" s="152">
        <v>3779063</v>
      </c>
      <c r="I10" s="152">
        <v>1867293</v>
      </c>
      <c r="J10" s="152">
        <v>1911770</v>
      </c>
      <c r="K10" s="159">
        <v>1767713</v>
      </c>
    </row>
    <row r="11" spans="1:22" ht="9.75" customHeight="1">
      <c r="A11" s="37"/>
      <c r="B11" s="82" t="s">
        <v>100</v>
      </c>
      <c r="C11" s="39"/>
      <c r="D11" s="149">
        <v>297197</v>
      </c>
      <c r="E11" s="149">
        <v>153314</v>
      </c>
      <c r="F11" s="149">
        <v>143883</v>
      </c>
      <c r="G11" s="149">
        <v>146485</v>
      </c>
      <c r="H11" s="149">
        <v>297058</v>
      </c>
      <c r="I11" s="149">
        <v>153191</v>
      </c>
      <c r="J11" s="149">
        <v>143867</v>
      </c>
      <c r="K11" s="158">
        <v>146468</v>
      </c>
    </row>
    <row r="12" spans="1:22" ht="9.75" customHeight="1">
      <c r="A12" s="37"/>
      <c r="B12" s="82" t="s">
        <v>101</v>
      </c>
      <c r="C12" s="39"/>
      <c r="D12" s="149">
        <v>247904</v>
      </c>
      <c r="E12" s="149">
        <v>126462</v>
      </c>
      <c r="F12" s="149">
        <v>121442</v>
      </c>
      <c r="G12" s="149">
        <v>130581</v>
      </c>
      <c r="H12" s="149">
        <v>247772</v>
      </c>
      <c r="I12" s="149">
        <v>126394</v>
      </c>
      <c r="J12" s="149">
        <v>121378</v>
      </c>
      <c r="K12" s="158">
        <v>130596</v>
      </c>
    </row>
    <row r="13" spans="1:22" ht="9.75" customHeight="1">
      <c r="A13" s="37"/>
      <c r="B13" s="82" t="s">
        <v>102</v>
      </c>
      <c r="C13" s="39"/>
      <c r="D13" s="149">
        <v>104913</v>
      </c>
      <c r="E13" s="149">
        <v>53056</v>
      </c>
      <c r="F13" s="149">
        <v>51857</v>
      </c>
      <c r="G13" s="149">
        <v>57444</v>
      </c>
      <c r="H13" s="149">
        <v>104871</v>
      </c>
      <c r="I13" s="149">
        <v>53021</v>
      </c>
      <c r="J13" s="149">
        <v>51850</v>
      </c>
      <c r="K13" s="158">
        <v>57443</v>
      </c>
    </row>
    <row r="14" spans="1:22" ht="9.75" customHeight="1">
      <c r="A14" s="37"/>
      <c r="B14" s="82" t="s">
        <v>103</v>
      </c>
      <c r="C14" s="39"/>
      <c r="D14" s="149">
        <v>151286</v>
      </c>
      <c r="E14" s="149">
        <v>77072</v>
      </c>
      <c r="F14" s="149">
        <v>74214</v>
      </c>
      <c r="G14" s="149">
        <v>85481</v>
      </c>
      <c r="H14" s="149">
        <v>151235</v>
      </c>
      <c r="I14" s="149">
        <v>77030</v>
      </c>
      <c r="J14" s="149">
        <v>74205</v>
      </c>
      <c r="K14" s="158">
        <v>85472</v>
      </c>
    </row>
    <row r="15" spans="1:22" ht="9.75" customHeight="1">
      <c r="A15" s="37"/>
      <c r="B15" s="82" t="s">
        <v>104</v>
      </c>
      <c r="C15" s="39"/>
      <c r="D15" s="149">
        <v>198212</v>
      </c>
      <c r="E15" s="149">
        <v>98958</v>
      </c>
      <c r="F15" s="149">
        <v>99254</v>
      </c>
      <c r="G15" s="149">
        <v>104657</v>
      </c>
      <c r="H15" s="149">
        <v>198166</v>
      </c>
      <c r="I15" s="149">
        <v>98965</v>
      </c>
      <c r="J15" s="149">
        <v>99201</v>
      </c>
      <c r="K15" s="158">
        <v>104697</v>
      </c>
    </row>
    <row r="16" spans="1:22" ht="9.75" customHeight="1">
      <c r="A16" s="37"/>
      <c r="B16" s="82" t="s">
        <v>105</v>
      </c>
      <c r="C16" s="39"/>
      <c r="D16" s="149">
        <v>215178</v>
      </c>
      <c r="E16" s="149">
        <v>104951</v>
      </c>
      <c r="F16" s="149">
        <v>110227</v>
      </c>
      <c r="G16" s="149">
        <v>96220</v>
      </c>
      <c r="H16" s="149">
        <v>215274</v>
      </c>
      <c r="I16" s="149">
        <v>104988</v>
      </c>
      <c r="J16" s="149">
        <v>110286</v>
      </c>
      <c r="K16" s="158">
        <v>96324</v>
      </c>
    </row>
    <row r="17" spans="1:11" ht="9.75" customHeight="1">
      <c r="A17" s="37"/>
      <c r="B17" s="82" t="s">
        <v>106</v>
      </c>
      <c r="C17" s="39"/>
      <c r="D17" s="149">
        <v>207637</v>
      </c>
      <c r="E17" s="149">
        <v>101816</v>
      </c>
      <c r="F17" s="149">
        <v>105821</v>
      </c>
      <c r="G17" s="149">
        <v>99834</v>
      </c>
      <c r="H17" s="149">
        <v>207564</v>
      </c>
      <c r="I17" s="149">
        <v>101791</v>
      </c>
      <c r="J17" s="149">
        <v>105773</v>
      </c>
      <c r="K17" s="158">
        <v>99846</v>
      </c>
    </row>
    <row r="18" spans="1:11" ht="9.75" customHeight="1">
      <c r="A18" s="37"/>
      <c r="B18" s="82" t="s">
        <v>107</v>
      </c>
      <c r="C18" s="39"/>
      <c r="D18" s="149">
        <v>244217</v>
      </c>
      <c r="E18" s="149">
        <v>117830</v>
      </c>
      <c r="F18" s="149">
        <v>126387</v>
      </c>
      <c r="G18" s="149">
        <v>107344</v>
      </c>
      <c r="H18" s="149">
        <v>244102</v>
      </c>
      <c r="I18" s="149">
        <v>117747</v>
      </c>
      <c r="J18" s="149">
        <v>126355</v>
      </c>
      <c r="K18" s="158">
        <v>107350</v>
      </c>
    </row>
    <row r="19" spans="1:11" ht="9.75" customHeight="1">
      <c r="A19" s="37"/>
      <c r="B19" s="82" t="s">
        <v>108</v>
      </c>
      <c r="C19" s="39"/>
      <c r="D19" s="149">
        <v>166427</v>
      </c>
      <c r="E19" s="149">
        <v>81857</v>
      </c>
      <c r="F19" s="149">
        <v>84570</v>
      </c>
      <c r="G19" s="149">
        <v>79055</v>
      </c>
      <c r="H19" s="149">
        <v>166467</v>
      </c>
      <c r="I19" s="149">
        <v>81892</v>
      </c>
      <c r="J19" s="149">
        <v>84575</v>
      </c>
      <c r="K19" s="158">
        <v>79134</v>
      </c>
    </row>
    <row r="20" spans="1:11" ht="9.75" customHeight="1">
      <c r="A20" s="37"/>
      <c r="B20" s="82" t="s">
        <v>109</v>
      </c>
      <c r="C20" s="39"/>
      <c r="D20" s="149">
        <v>198313</v>
      </c>
      <c r="E20" s="149">
        <v>96604</v>
      </c>
      <c r="F20" s="149">
        <v>101709</v>
      </c>
      <c r="G20" s="149">
        <v>90251</v>
      </c>
      <c r="H20" s="149">
        <v>198131</v>
      </c>
      <c r="I20" s="149">
        <v>96503</v>
      </c>
      <c r="J20" s="149">
        <v>101628</v>
      </c>
      <c r="K20" s="158">
        <v>90233</v>
      </c>
    </row>
    <row r="21" spans="1:11" ht="9.75" customHeight="1">
      <c r="A21" s="37"/>
      <c r="B21" s="82" t="s">
        <v>110</v>
      </c>
      <c r="C21" s="39"/>
      <c r="D21" s="149">
        <v>359905</v>
      </c>
      <c r="E21" s="149">
        <v>179683</v>
      </c>
      <c r="F21" s="149">
        <v>180222</v>
      </c>
      <c r="G21" s="149">
        <v>177242</v>
      </c>
      <c r="H21" s="149">
        <v>359995</v>
      </c>
      <c r="I21" s="149">
        <v>179730</v>
      </c>
      <c r="J21" s="149">
        <v>180265</v>
      </c>
      <c r="K21" s="158">
        <v>177299</v>
      </c>
    </row>
    <row r="22" spans="1:11" ht="9.75" customHeight="1">
      <c r="A22" s="37"/>
      <c r="B22" s="82" t="s">
        <v>111</v>
      </c>
      <c r="C22" s="39"/>
      <c r="D22" s="149">
        <v>183381</v>
      </c>
      <c r="E22" s="149">
        <v>90205</v>
      </c>
      <c r="F22" s="149">
        <v>93176</v>
      </c>
      <c r="G22" s="149">
        <v>80172</v>
      </c>
      <c r="H22" s="149">
        <v>183428</v>
      </c>
      <c r="I22" s="149">
        <v>90233</v>
      </c>
      <c r="J22" s="149">
        <v>93195</v>
      </c>
      <c r="K22" s="158">
        <v>80268</v>
      </c>
    </row>
    <row r="23" spans="1:11" ht="9.75" customHeight="1">
      <c r="A23" s="37"/>
      <c r="B23" s="82" t="s">
        <v>112</v>
      </c>
      <c r="C23" s="39"/>
      <c r="D23" s="149">
        <v>311260</v>
      </c>
      <c r="E23" s="149">
        <v>150297</v>
      </c>
      <c r="F23" s="149">
        <v>160963</v>
      </c>
      <c r="G23" s="149">
        <v>133981</v>
      </c>
      <c r="H23" s="149">
        <v>311233</v>
      </c>
      <c r="I23" s="149">
        <v>150289</v>
      </c>
      <c r="J23" s="149">
        <v>160944</v>
      </c>
      <c r="K23" s="158">
        <v>134058</v>
      </c>
    </row>
    <row r="24" spans="1:11" ht="9.75" customHeight="1">
      <c r="A24" s="37"/>
      <c r="B24" s="82" t="s">
        <v>113</v>
      </c>
      <c r="C24" s="39"/>
      <c r="D24" s="149">
        <v>214365</v>
      </c>
      <c r="E24" s="149">
        <v>105148</v>
      </c>
      <c r="F24" s="149">
        <v>109217</v>
      </c>
      <c r="G24" s="149">
        <v>85750</v>
      </c>
      <c r="H24" s="149">
        <v>214645</v>
      </c>
      <c r="I24" s="149">
        <v>105270</v>
      </c>
      <c r="J24" s="149">
        <v>109375</v>
      </c>
      <c r="K24" s="158">
        <v>85911</v>
      </c>
    </row>
    <row r="25" spans="1:11" ht="9.75" customHeight="1">
      <c r="A25" s="37"/>
      <c r="B25" s="82" t="s">
        <v>114</v>
      </c>
      <c r="C25" s="39"/>
      <c r="D25" s="149">
        <v>284274</v>
      </c>
      <c r="E25" s="149">
        <v>138591</v>
      </c>
      <c r="F25" s="149">
        <v>145683</v>
      </c>
      <c r="G25" s="149">
        <v>123214</v>
      </c>
      <c r="H25" s="149">
        <v>284290</v>
      </c>
      <c r="I25" s="149">
        <v>138603</v>
      </c>
      <c r="J25" s="149">
        <v>145687</v>
      </c>
      <c r="K25" s="158">
        <v>123316</v>
      </c>
    </row>
    <row r="26" spans="1:11" ht="9.75" customHeight="1">
      <c r="A26" s="37"/>
      <c r="B26" s="82" t="s">
        <v>115</v>
      </c>
      <c r="C26" s="39"/>
      <c r="D26" s="149">
        <v>120626</v>
      </c>
      <c r="E26" s="149">
        <v>58846</v>
      </c>
      <c r="F26" s="149">
        <v>61780</v>
      </c>
      <c r="G26" s="149">
        <v>53352</v>
      </c>
      <c r="H26" s="149">
        <v>120613</v>
      </c>
      <c r="I26" s="149">
        <v>58821</v>
      </c>
      <c r="J26" s="149">
        <v>61792</v>
      </c>
      <c r="K26" s="158">
        <v>53337</v>
      </c>
    </row>
    <row r="27" spans="1:11" ht="9.75" customHeight="1">
      <c r="A27" s="37"/>
      <c r="B27" s="82" t="s">
        <v>116</v>
      </c>
      <c r="C27" s="39"/>
      <c r="D27" s="149">
        <v>152190</v>
      </c>
      <c r="E27" s="149">
        <v>73791</v>
      </c>
      <c r="F27" s="149">
        <v>78399</v>
      </c>
      <c r="G27" s="149">
        <v>63247</v>
      </c>
      <c r="H27" s="149">
        <v>152142</v>
      </c>
      <c r="I27" s="149">
        <v>73750</v>
      </c>
      <c r="J27" s="149">
        <v>78392</v>
      </c>
      <c r="K27" s="158">
        <v>63227</v>
      </c>
    </row>
    <row r="28" spans="1:11" ht="9.75" customHeight="1">
      <c r="A28" s="37"/>
      <c r="B28" s="82" t="s">
        <v>117</v>
      </c>
      <c r="C28" s="39"/>
      <c r="D28" s="149">
        <v>122161</v>
      </c>
      <c r="E28" s="149">
        <v>59130</v>
      </c>
      <c r="F28" s="149">
        <v>63031</v>
      </c>
      <c r="G28" s="149">
        <v>52721</v>
      </c>
      <c r="H28" s="149">
        <v>122077</v>
      </c>
      <c r="I28" s="149">
        <v>59075</v>
      </c>
      <c r="J28" s="149">
        <v>63002</v>
      </c>
      <c r="K28" s="158">
        <v>52734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541055</v>
      </c>
      <c r="E30" s="152">
        <v>776720</v>
      </c>
      <c r="F30" s="152">
        <v>764335</v>
      </c>
      <c r="G30" s="152">
        <v>755223</v>
      </c>
      <c r="H30" s="152">
        <v>1541504</v>
      </c>
      <c r="I30" s="152">
        <v>776985</v>
      </c>
      <c r="J30" s="152">
        <v>764519</v>
      </c>
      <c r="K30" s="159">
        <v>755721</v>
      </c>
    </row>
    <row r="31" spans="1:11" ht="9.75" customHeight="1">
      <c r="A31" s="37"/>
      <c r="B31" s="82" t="s">
        <v>119</v>
      </c>
      <c r="C31" s="39"/>
      <c r="D31" s="149">
        <v>232312</v>
      </c>
      <c r="E31" s="149">
        <v>124886</v>
      </c>
      <c r="F31" s="149">
        <v>107426</v>
      </c>
      <c r="G31" s="149">
        <v>124195</v>
      </c>
      <c r="H31" s="149">
        <v>232109</v>
      </c>
      <c r="I31" s="149">
        <v>124770</v>
      </c>
      <c r="J31" s="149">
        <v>107339</v>
      </c>
      <c r="K31" s="158">
        <v>124113</v>
      </c>
    </row>
    <row r="32" spans="1:11" ht="9.75" customHeight="1">
      <c r="A32" s="37"/>
      <c r="B32" s="82" t="s">
        <v>120</v>
      </c>
      <c r="C32" s="39"/>
      <c r="D32" s="149">
        <v>170893</v>
      </c>
      <c r="E32" s="149">
        <v>86514</v>
      </c>
      <c r="F32" s="149">
        <v>84379</v>
      </c>
      <c r="G32" s="149">
        <v>80442</v>
      </c>
      <c r="H32" s="149">
        <v>171003</v>
      </c>
      <c r="I32" s="149">
        <v>86587</v>
      </c>
      <c r="J32" s="149">
        <v>84416</v>
      </c>
      <c r="K32" s="158">
        <v>80495</v>
      </c>
    </row>
    <row r="33" spans="1:11" ht="9.75" customHeight="1">
      <c r="A33" s="37"/>
      <c r="B33" s="82" t="s">
        <v>121</v>
      </c>
      <c r="C33" s="39"/>
      <c r="D33" s="149">
        <v>264838</v>
      </c>
      <c r="E33" s="149">
        <v>134190</v>
      </c>
      <c r="F33" s="149">
        <v>130648</v>
      </c>
      <c r="G33" s="149">
        <v>136355</v>
      </c>
      <c r="H33" s="149">
        <v>264959</v>
      </c>
      <c r="I33" s="149">
        <v>134275</v>
      </c>
      <c r="J33" s="149">
        <v>130684</v>
      </c>
      <c r="K33" s="158">
        <v>136475</v>
      </c>
    </row>
    <row r="34" spans="1:11" ht="9.75" customHeight="1">
      <c r="A34" s="37"/>
      <c r="B34" s="82" t="s">
        <v>122</v>
      </c>
      <c r="C34" s="39"/>
      <c r="D34" s="149">
        <v>234742</v>
      </c>
      <c r="E34" s="149">
        <v>116504</v>
      </c>
      <c r="F34" s="149">
        <v>118238</v>
      </c>
      <c r="G34" s="149">
        <v>114937</v>
      </c>
      <c r="H34" s="149">
        <v>234849</v>
      </c>
      <c r="I34" s="149">
        <v>116549</v>
      </c>
      <c r="J34" s="149">
        <v>118300</v>
      </c>
      <c r="K34" s="158">
        <v>115037</v>
      </c>
    </row>
    <row r="35" spans="1:11" ht="9.75" customHeight="1">
      <c r="A35" s="37"/>
      <c r="B35" s="82" t="s">
        <v>123</v>
      </c>
      <c r="C35" s="39"/>
      <c r="D35" s="149">
        <v>234095</v>
      </c>
      <c r="E35" s="149">
        <v>113563</v>
      </c>
      <c r="F35" s="149">
        <v>120532</v>
      </c>
      <c r="G35" s="149">
        <v>103425</v>
      </c>
      <c r="H35" s="149">
        <v>234240</v>
      </c>
      <c r="I35" s="149">
        <v>113638</v>
      </c>
      <c r="J35" s="149">
        <v>120602</v>
      </c>
      <c r="K35" s="158">
        <v>103551</v>
      </c>
    </row>
    <row r="36" spans="1:11" ht="9.75" customHeight="1">
      <c r="A36" s="37"/>
      <c r="B36" s="82" t="s">
        <v>124</v>
      </c>
      <c r="C36" s="39"/>
      <c r="D36" s="149">
        <v>222987</v>
      </c>
      <c r="E36" s="149">
        <v>113578</v>
      </c>
      <c r="F36" s="149">
        <v>109409</v>
      </c>
      <c r="G36" s="149">
        <v>115480</v>
      </c>
      <c r="H36" s="149">
        <v>223132</v>
      </c>
      <c r="I36" s="149">
        <v>113669</v>
      </c>
      <c r="J36" s="149">
        <v>109463</v>
      </c>
      <c r="K36" s="158">
        <v>115635</v>
      </c>
    </row>
    <row r="37" spans="1:11" ht="9.75" customHeight="1">
      <c r="A37" s="37"/>
      <c r="B37" s="82" t="s">
        <v>125</v>
      </c>
      <c r="C37" s="39"/>
      <c r="D37" s="149">
        <v>181188</v>
      </c>
      <c r="E37" s="149">
        <v>87485</v>
      </c>
      <c r="F37" s="149">
        <v>93703</v>
      </c>
      <c r="G37" s="149">
        <v>80389</v>
      </c>
      <c r="H37" s="149">
        <v>181212</v>
      </c>
      <c r="I37" s="149">
        <v>87497</v>
      </c>
      <c r="J37" s="149">
        <v>93715</v>
      </c>
      <c r="K37" s="158">
        <v>80415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725887</v>
      </c>
      <c r="E39" s="152">
        <v>361999</v>
      </c>
      <c r="F39" s="152">
        <v>363888</v>
      </c>
      <c r="G39" s="152">
        <v>336092</v>
      </c>
      <c r="H39" s="152">
        <v>725976</v>
      </c>
      <c r="I39" s="152">
        <v>362041</v>
      </c>
      <c r="J39" s="152">
        <v>363935</v>
      </c>
      <c r="K39" s="159">
        <v>336402</v>
      </c>
    </row>
    <row r="40" spans="1:11" ht="9.75" customHeight="1">
      <c r="A40" s="37"/>
      <c r="B40" s="82" t="s">
        <v>111</v>
      </c>
      <c r="C40" s="39"/>
      <c r="D40" s="149">
        <v>170023</v>
      </c>
      <c r="E40" s="149">
        <v>85419</v>
      </c>
      <c r="F40" s="149">
        <v>84604</v>
      </c>
      <c r="G40" s="149">
        <v>75690</v>
      </c>
      <c r="H40" s="149">
        <v>169975</v>
      </c>
      <c r="I40" s="149">
        <v>85415</v>
      </c>
      <c r="J40" s="149">
        <v>84560</v>
      </c>
      <c r="K40" s="158">
        <v>75761</v>
      </c>
    </row>
    <row r="41" spans="1:11" ht="9.75" customHeight="1">
      <c r="A41" s="37"/>
      <c r="B41" s="82" t="s">
        <v>127</v>
      </c>
      <c r="C41" s="39"/>
      <c r="D41" s="149">
        <v>273917</v>
      </c>
      <c r="E41" s="149">
        <v>136973</v>
      </c>
      <c r="F41" s="149">
        <v>136944</v>
      </c>
      <c r="G41" s="149">
        <v>126009</v>
      </c>
      <c r="H41" s="149">
        <v>273941</v>
      </c>
      <c r="I41" s="149">
        <v>136992</v>
      </c>
      <c r="J41" s="149">
        <v>136949</v>
      </c>
      <c r="K41" s="158">
        <v>126117</v>
      </c>
    </row>
    <row r="42" spans="1:11" ht="9.75" customHeight="1">
      <c r="A42" s="37"/>
      <c r="B42" s="82" t="s">
        <v>104</v>
      </c>
      <c r="C42" s="39"/>
      <c r="D42" s="149">
        <v>281947</v>
      </c>
      <c r="E42" s="149">
        <v>139607</v>
      </c>
      <c r="F42" s="149">
        <v>142340</v>
      </c>
      <c r="G42" s="149">
        <v>134393</v>
      </c>
      <c r="H42" s="149">
        <v>282060</v>
      </c>
      <c r="I42" s="149">
        <v>139634</v>
      </c>
      <c r="J42" s="149">
        <v>142426</v>
      </c>
      <c r="K42" s="158">
        <v>134524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387419</v>
      </c>
      <c r="E44" s="149">
        <v>193859</v>
      </c>
      <c r="F44" s="149">
        <v>193560</v>
      </c>
      <c r="G44" s="149">
        <v>165825</v>
      </c>
      <c r="H44" s="149">
        <v>387041</v>
      </c>
      <c r="I44" s="149">
        <v>193616</v>
      </c>
      <c r="J44" s="149">
        <v>193425</v>
      </c>
      <c r="K44" s="158">
        <v>165844</v>
      </c>
    </row>
    <row r="45" spans="1:11" ht="9.75" customHeight="1">
      <c r="A45" s="244" t="s">
        <v>129</v>
      </c>
      <c r="B45" s="245"/>
      <c r="C45" s="39"/>
      <c r="D45" s="149">
        <v>258202</v>
      </c>
      <c r="E45" s="149">
        <v>128888</v>
      </c>
      <c r="F45" s="149">
        <v>129314</v>
      </c>
      <c r="G45" s="149">
        <v>113166</v>
      </c>
      <c r="H45" s="149">
        <v>258135</v>
      </c>
      <c r="I45" s="149">
        <v>128848</v>
      </c>
      <c r="J45" s="149">
        <v>129287</v>
      </c>
      <c r="K45" s="158">
        <v>113195</v>
      </c>
    </row>
    <row r="46" spans="1:11" ht="9.75" customHeight="1">
      <c r="A46" s="244" t="s">
        <v>130</v>
      </c>
      <c r="B46" s="245"/>
      <c r="C46" s="39"/>
      <c r="D46" s="149">
        <v>172769</v>
      </c>
      <c r="E46" s="149">
        <v>81080</v>
      </c>
      <c r="F46" s="149">
        <v>91689</v>
      </c>
      <c r="G46" s="149">
        <v>76245</v>
      </c>
      <c r="H46" s="149">
        <v>172681</v>
      </c>
      <c r="I46" s="149">
        <v>81015</v>
      </c>
      <c r="J46" s="149">
        <v>91666</v>
      </c>
      <c r="K46" s="158">
        <v>76272</v>
      </c>
    </row>
    <row r="47" spans="1:11" ht="9.75" customHeight="1">
      <c r="A47" s="244" t="s">
        <v>131</v>
      </c>
      <c r="B47" s="245"/>
      <c r="C47" s="39"/>
      <c r="D47" s="149">
        <v>439566</v>
      </c>
      <c r="E47" s="149">
        <v>216965</v>
      </c>
      <c r="F47" s="149">
        <v>222601</v>
      </c>
      <c r="G47" s="149">
        <v>196114</v>
      </c>
      <c r="H47" s="149">
        <v>439801</v>
      </c>
      <c r="I47" s="149">
        <v>217076</v>
      </c>
      <c r="J47" s="149">
        <v>222725</v>
      </c>
      <c r="K47" s="158">
        <v>196344</v>
      </c>
    </row>
    <row r="48" spans="1:11" ht="9.75" customHeight="1">
      <c r="A48" s="244" t="s">
        <v>132</v>
      </c>
      <c r="B48" s="245"/>
      <c r="C48" s="39"/>
      <c r="D48" s="149">
        <v>188411</v>
      </c>
      <c r="E48" s="149">
        <v>90969</v>
      </c>
      <c r="F48" s="149">
        <v>97442</v>
      </c>
      <c r="G48" s="149">
        <v>82610</v>
      </c>
      <c r="H48" s="149">
        <v>188324</v>
      </c>
      <c r="I48" s="149">
        <v>90945</v>
      </c>
      <c r="J48" s="149">
        <v>97379</v>
      </c>
      <c r="K48" s="158">
        <v>82664</v>
      </c>
    </row>
    <row r="49" spans="1:11" ht="9.75" customHeight="1">
      <c r="A49" s="244" t="s">
        <v>133</v>
      </c>
      <c r="B49" s="245"/>
      <c r="C49" s="39"/>
      <c r="D49" s="149">
        <v>242542</v>
      </c>
      <c r="E49" s="149">
        <v>117601</v>
      </c>
      <c r="F49" s="149">
        <v>124941</v>
      </c>
      <c r="G49" s="149">
        <v>103424</v>
      </c>
      <c r="H49" s="149">
        <v>242682</v>
      </c>
      <c r="I49" s="149">
        <v>117672</v>
      </c>
      <c r="J49" s="149">
        <v>125010</v>
      </c>
      <c r="K49" s="158">
        <v>103552</v>
      </c>
    </row>
    <row r="50" spans="1:11" ht="9.75" customHeight="1">
      <c r="A50" s="244" t="s">
        <v>134</v>
      </c>
      <c r="B50" s="245"/>
      <c r="C50" s="39"/>
      <c r="D50" s="149">
        <v>57082</v>
      </c>
      <c r="E50" s="149">
        <v>26761</v>
      </c>
      <c r="F50" s="149">
        <v>30321</v>
      </c>
      <c r="G50" s="149">
        <v>25055</v>
      </c>
      <c r="H50" s="149">
        <v>57062</v>
      </c>
      <c r="I50" s="149">
        <v>26759</v>
      </c>
      <c r="J50" s="149">
        <v>30303</v>
      </c>
      <c r="K50" s="158">
        <v>25067</v>
      </c>
    </row>
    <row r="51" spans="1:11" ht="9.75" customHeight="1">
      <c r="A51" s="244" t="s">
        <v>135</v>
      </c>
      <c r="B51" s="245"/>
      <c r="C51" s="39"/>
      <c r="D51" s="149">
        <v>41770</v>
      </c>
      <c r="E51" s="149">
        <v>19994</v>
      </c>
      <c r="F51" s="149">
        <v>21776</v>
      </c>
      <c r="G51" s="149">
        <v>17251</v>
      </c>
      <c r="H51" s="149">
        <v>41658</v>
      </c>
      <c r="I51" s="149">
        <v>19941</v>
      </c>
      <c r="J51" s="149">
        <v>21717</v>
      </c>
      <c r="K51" s="158">
        <v>17218</v>
      </c>
    </row>
    <row r="52" spans="1:11" ht="9.75" customHeight="1">
      <c r="A52" s="244" t="s">
        <v>136</v>
      </c>
      <c r="B52" s="245"/>
      <c r="C52" s="39"/>
      <c r="D52" s="149">
        <v>161951</v>
      </c>
      <c r="E52" s="149">
        <v>81874</v>
      </c>
      <c r="F52" s="149">
        <v>80077</v>
      </c>
      <c r="G52" s="149">
        <v>70696</v>
      </c>
      <c r="H52" s="149">
        <v>161983</v>
      </c>
      <c r="I52" s="149">
        <v>81867</v>
      </c>
      <c r="J52" s="149">
        <v>80116</v>
      </c>
      <c r="K52" s="158">
        <v>70796</v>
      </c>
    </row>
    <row r="53" spans="1:11" ht="9.75" customHeight="1">
      <c r="A53" s="244" t="s">
        <v>137</v>
      </c>
      <c r="B53" s="245"/>
      <c r="C53" s="39"/>
      <c r="D53" s="149">
        <v>223902</v>
      </c>
      <c r="E53" s="149">
        <v>115455</v>
      </c>
      <c r="F53" s="149">
        <v>108447</v>
      </c>
      <c r="G53" s="149">
        <v>101483</v>
      </c>
      <c r="H53" s="149">
        <v>223922</v>
      </c>
      <c r="I53" s="149">
        <v>115462</v>
      </c>
      <c r="J53" s="149">
        <v>108460</v>
      </c>
      <c r="K53" s="158">
        <v>101580</v>
      </c>
    </row>
    <row r="54" spans="1:11" ht="9.75" customHeight="1">
      <c r="A54" s="244" t="s">
        <v>138</v>
      </c>
      <c r="B54" s="245"/>
      <c r="C54" s="39"/>
      <c r="D54" s="149">
        <v>240581</v>
      </c>
      <c r="E54" s="149">
        <v>120141</v>
      </c>
      <c r="F54" s="149">
        <v>120440</v>
      </c>
      <c r="G54" s="149">
        <v>112092</v>
      </c>
      <c r="H54" s="149">
        <v>240711</v>
      </c>
      <c r="I54" s="149">
        <v>120187</v>
      </c>
      <c r="J54" s="149">
        <v>120524</v>
      </c>
      <c r="K54" s="158">
        <v>112233</v>
      </c>
    </row>
    <row r="55" spans="1:11" ht="9.75" customHeight="1">
      <c r="A55" s="244" t="s">
        <v>139</v>
      </c>
      <c r="B55" s="245"/>
      <c r="C55" s="39"/>
      <c r="D55" s="149">
        <v>101403</v>
      </c>
      <c r="E55" s="149">
        <v>51377</v>
      </c>
      <c r="F55" s="149">
        <v>50026</v>
      </c>
      <c r="G55" s="149">
        <v>45633</v>
      </c>
      <c r="H55" s="149">
        <v>101362</v>
      </c>
      <c r="I55" s="149">
        <v>51344</v>
      </c>
      <c r="J55" s="149">
        <v>50018</v>
      </c>
      <c r="K55" s="158">
        <v>45637</v>
      </c>
    </row>
    <row r="56" spans="1:11" ht="9.75" customHeight="1">
      <c r="A56" s="244" t="s">
        <v>140</v>
      </c>
      <c r="B56" s="245"/>
      <c r="C56" s="39"/>
      <c r="D56" s="149">
        <v>137231</v>
      </c>
      <c r="E56" s="149">
        <v>68920</v>
      </c>
      <c r="F56" s="149">
        <v>68311</v>
      </c>
      <c r="G56" s="149">
        <v>59106</v>
      </c>
      <c r="H56" s="149">
        <v>137248</v>
      </c>
      <c r="I56" s="149">
        <v>68950</v>
      </c>
      <c r="J56" s="149">
        <v>68298</v>
      </c>
      <c r="K56" s="158">
        <v>59156</v>
      </c>
    </row>
    <row r="57" spans="1:11" ht="9.75" customHeight="1">
      <c r="A57" s="244" t="s">
        <v>141</v>
      </c>
      <c r="B57" s="245"/>
      <c r="C57" s="39"/>
      <c r="D57" s="149">
        <v>132272</v>
      </c>
      <c r="E57" s="149">
        <v>65912</v>
      </c>
      <c r="F57" s="149">
        <v>66360</v>
      </c>
      <c r="G57" s="149">
        <v>60616</v>
      </c>
      <c r="H57" s="149">
        <v>132259</v>
      </c>
      <c r="I57" s="149">
        <v>65872</v>
      </c>
      <c r="J57" s="149">
        <v>66387</v>
      </c>
      <c r="K57" s="158">
        <v>60650</v>
      </c>
    </row>
    <row r="58" spans="1:11" ht="9.75" customHeight="1">
      <c r="A58" s="244" t="s">
        <v>142</v>
      </c>
      <c r="B58" s="245"/>
      <c r="C58" s="39"/>
      <c r="D58" s="149">
        <v>40533</v>
      </c>
      <c r="E58" s="149">
        <v>19833</v>
      </c>
      <c r="F58" s="149">
        <v>20700</v>
      </c>
      <c r="G58" s="149">
        <v>16297</v>
      </c>
      <c r="H58" s="149">
        <v>40528</v>
      </c>
      <c r="I58" s="149">
        <v>19841</v>
      </c>
      <c r="J58" s="149">
        <v>20687</v>
      </c>
      <c r="K58" s="158">
        <v>16337</v>
      </c>
    </row>
    <row r="59" spans="1:11" ht="9.75" customHeight="1">
      <c r="A59" s="244" t="s">
        <v>143</v>
      </c>
      <c r="B59" s="245"/>
      <c r="C59" s="39"/>
      <c r="D59" s="149">
        <v>83393</v>
      </c>
      <c r="E59" s="149">
        <v>42299</v>
      </c>
      <c r="F59" s="149">
        <v>41094</v>
      </c>
      <c r="G59" s="149">
        <v>34867</v>
      </c>
      <c r="H59" s="149">
        <v>83381</v>
      </c>
      <c r="I59" s="149">
        <v>42310</v>
      </c>
      <c r="J59" s="149">
        <v>41071</v>
      </c>
      <c r="K59" s="158">
        <v>34909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6">
        <v>31743</v>
      </c>
      <c r="E61" s="149">
        <v>14906</v>
      </c>
      <c r="F61" s="149">
        <v>16837</v>
      </c>
      <c r="G61" s="149">
        <v>13085</v>
      </c>
      <c r="H61" s="149">
        <v>31742</v>
      </c>
      <c r="I61" s="149">
        <v>14911</v>
      </c>
      <c r="J61" s="149">
        <v>16831</v>
      </c>
      <c r="K61" s="158">
        <v>13088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6">
        <v>48503</v>
      </c>
      <c r="E63" s="149">
        <v>24542</v>
      </c>
      <c r="F63" s="149">
        <v>23961</v>
      </c>
      <c r="G63" s="149">
        <v>20082</v>
      </c>
      <c r="H63" s="149">
        <v>48485</v>
      </c>
      <c r="I63" s="149">
        <v>24532</v>
      </c>
      <c r="J63" s="149">
        <v>23953</v>
      </c>
      <c r="K63" s="158">
        <v>20088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59037</v>
      </c>
      <c r="E65" s="152">
        <v>28587</v>
      </c>
      <c r="F65" s="152">
        <v>30450</v>
      </c>
      <c r="G65" s="152">
        <v>24366</v>
      </c>
      <c r="H65" s="152">
        <v>59033</v>
      </c>
      <c r="I65" s="152">
        <v>28566</v>
      </c>
      <c r="J65" s="152">
        <v>30467</v>
      </c>
      <c r="K65" s="159">
        <v>24383</v>
      </c>
    </row>
    <row r="66" spans="1:11" ht="9.75" customHeight="1">
      <c r="A66" s="37"/>
      <c r="B66" s="82" t="s">
        <v>147</v>
      </c>
      <c r="C66" s="39"/>
      <c r="D66" s="149">
        <v>31622</v>
      </c>
      <c r="E66" s="149">
        <v>15397</v>
      </c>
      <c r="F66" s="149">
        <v>16225</v>
      </c>
      <c r="G66" s="149">
        <v>12780</v>
      </c>
      <c r="H66" s="149">
        <v>31610</v>
      </c>
      <c r="I66" s="149">
        <v>15387</v>
      </c>
      <c r="J66" s="149">
        <v>16223</v>
      </c>
      <c r="K66" s="158">
        <v>12780</v>
      </c>
    </row>
    <row r="67" spans="1:11" ht="9.75" customHeight="1">
      <c r="A67" s="37"/>
      <c r="B67" s="82" t="s">
        <v>148</v>
      </c>
      <c r="C67" s="39"/>
      <c r="D67" s="149">
        <v>27415</v>
      </c>
      <c r="E67" s="149">
        <v>13190</v>
      </c>
      <c r="F67" s="149">
        <v>14225</v>
      </c>
      <c r="G67" s="149">
        <v>11586</v>
      </c>
      <c r="H67" s="149">
        <v>27423</v>
      </c>
      <c r="I67" s="149">
        <v>13179</v>
      </c>
      <c r="J67" s="149">
        <v>14244</v>
      </c>
      <c r="K67" s="158">
        <v>11603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65096</v>
      </c>
      <c r="E69" s="152">
        <v>32061</v>
      </c>
      <c r="F69" s="152">
        <v>33035</v>
      </c>
      <c r="G69" s="152">
        <v>25678</v>
      </c>
      <c r="H69" s="152">
        <v>65052</v>
      </c>
      <c r="I69" s="152">
        <v>32036</v>
      </c>
      <c r="J69" s="152">
        <v>33016</v>
      </c>
      <c r="K69" s="159">
        <v>25712</v>
      </c>
    </row>
    <row r="70" spans="1:11" ht="9.75" customHeight="1">
      <c r="A70" s="37"/>
      <c r="B70" s="82" t="s">
        <v>150</v>
      </c>
      <c r="C70" s="39"/>
      <c r="D70" s="149">
        <v>9190</v>
      </c>
      <c r="E70" s="149">
        <v>4594</v>
      </c>
      <c r="F70" s="149">
        <v>4596</v>
      </c>
      <c r="G70" s="149">
        <v>3414</v>
      </c>
      <c r="H70" s="149">
        <v>9180</v>
      </c>
      <c r="I70" s="149">
        <v>4583</v>
      </c>
      <c r="J70" s="149">
        <v>4597</v>
      </c>
      <c r="K70" s="158">
        <v>3413</v>
      </c>
    </row>
    <row r="71" spans="1:11" ht="9.75" customHeight="1">
      <c r="A71" s="37"/>
      <c r="B71" s="82" t="s">
        <v>151</v>
      </c>
      <c r="C71" s="39"/>
      <c r="D71" s="149">
        <v>17136</v>
      </c>
      <c r="E71" s="149">
        <v>8425</v>
      </c>
      <c r="F71" s="149">
        <v>8711</v>
      </c>
      <c r="G71" s="149">
        <v>6782</v>
      </c>
      <c r="H71" s="149">
        <v>17131</v>
      </c>
      <c r="I71" s="149">
        <v>8415</v>
      </c>
      <c r="J71" s="149">
        <v>8716</v>
      </c>
      <c r="K71" s="158">
        <v>6793</v>
      </c>
    </row>
    <row r="72" spans="1:11" ht="9.75" customHeight="1">
      <c r="A72" s="37"/>
      <c r="B72" s="82" t="s">
        <v>152</v>
      </c>
      <c r="C72" s="39"/>
      <c r="D72" s="149">
        <v>10673</v>
      </c>
      <c r="E72" s="149">
        <v>5303</v>
      </c>
      <c r="F72" s="149">
        <v>5370</v>
      </c>
      <c r="G72" s="149">
        <v>4541</v>
      </c>
      <c r="H72" s="149">
        <v>10649</v>
      </c>
      <c r="I72" s="149">
        <v>5291</v>
      </c>
      <c r="J72" s="149">
        <v>5358</v>
      </c>
      <c r="K72" s="158">
        <v>4550</v>
      </c>
    </row>
    <row r="73" spans="1:11" ht="9.75" customHeight="1">
      <c r="A73" s="37"/>
      <c r="B73" s="82" t="s">
        <v>153</v>
      </c>
      <c r="C73" s="39"/>
      <c r="D73" s="149">
        <v>9651</v>
      </c>
      <c r="E73" s="149">
        <v>4780</v>
      </c>
      <c r="F73" s="149">
        <v>4871</v>
      </c>
      <c r="G73" s="149">
        <v>3929</v>
      </c>
      <c r="H73" s="149">
        <v>9642</v>
      </c>
      <c r="I73" s="149">
        <v>4781</v>
      </c>
      <c r="J73" s="149">
        <v>4861</v>
      </c>
      <c r="K73" s="158">
        <v>3932</v>
      </c>
    </row>
    <row r="74" spans="1:11" ht="9.75" customHeight="1">
      <c r="A74" s="37"/>
      <c r="B74" s="82" t="s">
        <v>154</v>
      </c>
      <c r="C74" s="39"/>
      <c r="D74" s="149">
        <v>18446</v>
      </c>
      <c r="E74" s="149">
        <v>8959</v>
      </c>
      <c r="F74" s="149">
        <v>9487</v>
      </c>
      <c r="G74" s="149">
        <v>7012</v>
      </c>
      <c r="H74" s="149">
        <v>18450</v>
      </c>
      <c r="I74" s="149">
        <v>8966</v>
      </c>
      <c r="J74" s="149">
        <v>9484</v>
      </c>
      <c r="K74" s="158">
        <v>7024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41173</v>
      </c>
      <c r="E76" s="152">
        <v>19286</v>
      </c>
      <c r="F76" s="152">
        <v>21887</v>
      </c>
      <c r="G76" s="152">
        <v>20158</v>
      </c>
      <c r="H76" s="152">
        <v>41157</v>
      </c>
      <c r="I76" s="152">
        <v>19278</v>
      </c>
      <c r="J76" s="152">
        <v>21879</v>
      </c>
      <c r="K76" s="159">
        <v>20172</v>
      </c>
    </row>
    <row r="77" spans="1:11" ht="9.75" customHeight="1">
      <c r="A77" s="37"/>
      <c r="B77" s="82" t="s">
        <v>156</v>
      </c>
      <c r="C77" s="39"/>
      <c r="D77" s="149">
        <v>11281</v>
      </c>
      <c r="E77" s="149">
        <v>5409</v>
      </c>
      <c r="F77" s="149">
        <v>5872</v>
      </c>
      <c r="G77" s="149">
        <v>6453</v>
      </c>
      <c r="H77" s="149">
        <v>11307</v>
      </c>
      <c r="I77" s="149">
        <v>5418</v>
      </c>
      <c r="J77" s="149">
        <v>5889</v>
      </c>
      <c r="K77" s="158">
        <v>6482</v>
      </c>
    </row>
    <row r="78" spans="1:11" ht="9.75" customHeight="1">
      <c r="A78" s="37"/>
      <c r="B78" s="82" t="s">
        <v>157</v>
      </c>
      <c r="C78" s="39"/>
      <c r="D78" s="149">
        <v>6653</v>
      </c>
      <c r="E78" s="149">
        <v>3092</v>
      </c>
      <c r="F78" s="149">
        <v>3561</v>
      </c>
      <c r="G78" s="149">
        <v>2949</v>
      </c>
      <c r="H78" s="149">
        <v>6636</v>
      </c>
      <c r="I78" s="149">
        <v>3082</v>
      </c>
      <c r="J78" s="149">
        <v>3554</v>
      </c>
      <c r="K78" s="158">
        <v>2949</v>
      </c>
    </row>
    <row r="79" spans="1:11" ht="9.75" customHeight="1">
      <c r="A79" s="37"/>
      <c r="B79" s="82" t="s">
        <v>158</v>
      </c>
      <c r="C79" s="39"/>
      <c r="D79" s="149">
        <v>23239</v>
      </c>
      <c r="E79" s="149">
        <v>10785</v>
      </c>
      <c r="F79" s="149">
        <v>12454</v>
      </c>
      <c r="G79" s="149">
        <v>10756</v>
      </c>
      <c r="H79" s="149">
        <v>23214</v>
      </c>
      <c r="I79" s="149">
        <v>10778</v>
      </c>
      <c r="J79" s="149">
        <v>12436</v>
      </c>
      <c r="K79" s="158">
        <v>10741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42583</v>
      </c>
      <c r="E81" s="152">
        <v>22294</v>
      </c>
      <c r="F81" s="152">
        <v>20289</v>
      </c>
      <c r="G81" s="152">
        <v>18259</v>
      </c>
      <c r="H81" s="152">
        <v>42565</v>
      </c>
      <c r="I81" s="152">
        <v>22290</v>
      </c>
      <c r="J81" s="152">
        <v>20275</v>
      </c>
      <c r="K81" s="159">
        <v>18272</v>
      </c>
    </row>
    <row r="82" spans="1:11" ht="9.75" customHeight="1">
      <c r="A82" s="37"/>
      <c r="B82" s="82" t="s">
        <v>160</v>
      </c>
      <c r="C82" s="39"/>
      <c r="D82" s="149">
        <v>39575</v>
      </c>
      <c r="E82" s="149">
        <v>20759</v>
      </c>
      <c r="F82" s="149">
        <v>18816</v>
      </c>
      <c r="G82" s="149">
        <v>17141</v>
      </c>
      <c r="H82" s="149">
        <v>39553</v>
      </c>
      <c r="I82" s="149">
        <v>20754</v>
      </c>
      <c r="J82" s="149">
        <v>18799</v>
      </c>
      <c r="K82" s="158">
        <v>17154</v>
      </c>
    </row>
    <row r="83" spans="1:11" ht="9.75" customHeight="1">
      <c r="A83" s="37"/>
      <c r="B83" s="82" t="s">
        <v>161</v>
      </c>
      <c r="C83" s="39"/>
      <c r="D83" s="149">
        <v>3008</v>
      </c>
      <c r="E83" s="149">
        <v>1535</v>
      </c>
      <c r="F83" s="149">
        <v>1473</v>
      </c>
      <c r="G83" s="149">
        <v>1118</v>
      </c>
      <c r="H83" s="149">
        <v>3012</v>
      </c>
      <c r="I83" s="149">
        <v>1536</v>
      </c>
      <c r="J83" s="149">
        <v>1476</v>
      </c>
      <c r="K83" s="158">
        <v>1118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82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9</v>
      </c>
      <c r="B2" s="202"/>
      <c r="C2" s="202"/>
      <c r="I2" s="236"/>
      <c r="J2" s="236"/>
      <c r="K2" s="236"/>
    </row>
    <row r="3" spans="1:22" ht="15" customHeight="1">
      <c r="A3" s="203" t="s">
        <v>92</v>
      </c>
      <c r="B3" s="204"/>
      <c r="C3" s="204"/>
      <c r="D3" s="215" t="s">
        <v>183</v>
      </c>
      <c r="E3" s="204"/>
      <c r="F3" s="204"/>
      <c r="G3" s="251"/>
      <c r="H3" s="215" t="s">
        <v>184</v>
      </c>
      <c r="I3" s="204"/>
      <c r="J3" s="204"/>
      <c r="K3" s="252"/>
    </row>
    <row r="4" spans="1:22" ht="15" customHeight="1">
      <c r="A4" s="207"/>
      <c r="B4" s="208"/>
      <c r="C4" s="208"/>
      <c r="D4" s="74" t="s">
        <v>172</v>
      </c>
      <c r="E4" s="74" t="s">
        <v>173</v>
      </c>
      <c r="F4" s="74" t="s">
        <v>174</v>
      </c>
      <c r="G4" s="74" t="s">
        <v>5</v>
      </c>
      <c r="H4" s="74" t="s">
        <v>175</v>
      </c>
      <c r="I4" s="74" t="s">
        <v>173</v>
      </c>
      <c r="J4" s="74" t="s">
        <v>174</v>
      </c>
      <c r="K4" s="92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246" t="s">
        <v>96</v>
      </c>
      <c r="B6" s="247"/>
      <c r="C6" s="16"/>
      <c r="D6" s="17">
        <v>9241927</v>
      </c>
      <c r="E6" s="17">
        <v>4588435</v>
      </c>
      <c r="F6" s="17">
        <v>4653492</v>
      </c>
      <c r="G6" s="17">
        <v>4264546</v>
      </c>
      <c r="H6" s="17">
        <v>9239954</v>
      </c>
      <c r="I6" s="17">
        <v>4586702</v>
      </c>
      <c r="J6" s="17">
        <v>4653252</v>
      </c>
      <c r="K6" s="156">
        <v>4265389</v>
      </c>
    </row>
    <row r="7" spans="1:22" s="29" customFormat="1" ht="9.75" customHeight="1">
      <c r="A7" s="248" t="s">
        <v>97</v>
      </c>
      <c r="B7" s="249"/>
      <c r="C7" s="32"/>
      <c r="D7" s="146">
        <v>8954072</v>
      </c>
      <c r="E7" s="146">
        <v>4446908</v>
      </c>
      <c r="F7" s="146">
        <v>4507164</v>
      </c>
      <c r="G7" s="146">
        <v>4142867</v>
      </c>
      <c r="H7" s="146">
        <v>8952190</v>
      </c>
      <c r="I7" s="146">
        <v>4445245</v>
      </c>
      <c r="J7" s="146">
        <v>4506945</v>
      </c>
      <c r="K7" s="157">
        <v>4143625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287855</v>
      </c>
      <c r="E8" s="146">
        <v>141527</v>
      </c>
      <c r="F8" s="146">
        <v>146328</v>
      </c>
      <c r="G8" s="146">
        <v>121679</v>
      </c>
      <c r="H8" s="146">
        <v>287764</v>
      </c>
      <c r="I8" s="146">
        <v>141457</v>
      </c>
      <c r="J8" s="146">
        <v>146307</v>
      </c>
      <c r="K8" s="157">
        <v>121764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3778564</v>
      </c>
      <c r="E10" s="152">
        <v>1866812</v>
      </c>
      <c r="F10" s="152">
        <v>1911752</v>
      </c>
      <c r="G10" s="152">
        <v>1768319</v>
      </c>
      <c r="H10" s="152">
        <v>3778049</v>
      </c>
      <c r="I10" s="152">
        <v>1866464</v>
      </c>
      <c r="J10" s="152">
        <v>1911585</v>
      </c>
      <c r="K10" s="159">
        <v>1768468</v>
      </c>
    </row>
    <row r="11" spans="1:22" ht="9.75" customHeight="1">
      <c r="A11" s="37"/>
      <c r="B11" s="82" t="s">
        <v>100</v>
      </c>
      <c r="C11" s="39"/>
      <c r="D11" s="149">
        <v>296822</v>
      </c>
      <c r="E11" s="149">
        <v>153093</v>
      </c>
      <c r="F11" s="149">
        <v>143729</v>
      </c>
      <c r="G11" s="149">
        <v>146362</v>
      </c>
      <c r="H11" s="149">
        <v>296586</v>
      </c>
      <c r="I11" s="149">
        <v>152977</v>
      </c>
      <c r="J11" s="149">
        <v>143609</v>
      </c>
      <c r="K11" s="158">
        <v>146205</v>
      </c>
    </row>
    <row r="12" spans="1:22" ht="9.75" customHeight="1">
      <c r="A12" s="37"/>
      <c r="B12" s="82" t="s">
        <v>101</v>
      </c>
      <c r="C12" s="39"/>
      <c r="D12" s="149">
        <v>247789</v>
      </c>
      <c r="E12" s="149">
        <v>126372</v>
      </c>
      <c r="F12" s="149">
        <v>121417</v>
      </c>
      <c r="G12" s="149">
        <v>130646</v>
      </c>
      <c r="H12" s="149">
        <v>247798</v>
      </c>
      <c r="I12" s="149">
        <v>126391</v>
      </c>
      <c r="J12" s="149">
        <v>121407</v>
      </c>
      <c r="K12" s="158">
        <v>130665</v>
      </c>
    </row>
    <row r="13" spans="1:22" ht="9.75" customHeight="1">
      <c r="A13" s="37"/>
      <c r="B13" s="82" t="s">
        <v>102</v>
      </c>
      <c r="C13" s="39"/>
      <c r="D13" s="149">
        <v>104807</v>
      </c>
      <c r="E13" s="149">
        <v>53013</v>
      </c>
      <c r="F13" s="149">
        <v>51794</v>
      </c>
      <c r="G13" s="149">
        <v>57421</v>
      </c>
      <c r="H13" s="149">
        <v>104816</v>
      </c>
      <c r="I13" s="149">
        <v>53017</v>
      </c>
      <c r="J13" s="149">
        <v>51799</v>
      </c>
      <c r="K13" s="158">
        <v>57440</v>
      </c>
    </row>
    <row r="14" spans="1:22" ht="9.75" customHeight="1">
      <c r="A14" s="37"/>
      <c r="B14" s="82" t="s">
        <v>103</v>
      </c>
      <c r="C14" s="39"/>
      <c r="D14" s="149">
        <v>151035</v>
      </c>
      <c r="E14" s="149">
        <v>76900</v>
      </c>
      <c r="F14" s="149">
        <v>74135</v>
      </c>
      <c r="G14" s="149">
        <v>85404</v>
      </c>
      <c r="H14" s="149">
        <v>150893</v>
      </c>
      <c r="I14" s="149">
        <v>76829</v>
      </c>
      <c r="J14" s="149">
        <v>74064</v>
      </c>
      <c r="K14" s="158">
        <v>85306</v>
      </c>
    </row>
    <row r="15" spans="1:22" ht="9.75" customHeight="1">
      <c r="A15" s="37"/>
      <c r="B15" s="82" t="s">
        <v>104</v>
      </c>
      <c r="C15" s="39"/>
      <c r="D15" s="149">
        <v>197996</v>
      </c>
      <c r="E15" s="149">
        <v>98875</v>
      </c>
      <c r="F15" s="149">
        <v>99121</v>
      </c>
      <c r="G15" s="149">
        <v>104636</v>
      </c>
      <c r="H15" s="149">
        <v>197958</v>
      </c>
      <c r="I15" s="149">
        <v>98824</v>
      </c>
      <c r="J15" s="149">
        <v>99134</v>
      </c>
      <c r="K15" s="158">
        <v>104705</v>
      </c>
    </row>
    <row r="16" spans="1:22" ht="9.75" customHeight="1">
      <c r="A16" s="37"/>
      <c r="B16" s="82" t="s">
        <v>105</v>
      </c>
      <c r="C16" s="39"/>
      <c r="D16" s="149">
        <v>215248</v>
      </c>
      <c r="E16" s="149">
        <v>104968</v>
      </c>
      <c r="F16" s="149">
        <v>110280</v>
      </c>
      <c r="G16" s="149">
        <v>96375</v>
      </c>
      <c r="H16" s="149">
        <v>215271</v>
      </c>
      <c r="I16" s="149">
        <v>104986</v>
      </c>
      <c r="J16" s="149">
        <v>110285</v>
      </c>
      <c r="K16" s="158">
        <v>96431</v>
      </c>
    </row>
    <row r="17" spans="1:11" ht="9.75" customHeight="1">
      <c r="A17" s="37"/>
      <c r="B17" s="82" t="s">
        <v>106</v>
      </c>
      <c r="C17" s="39"/>
      <c r="D17" s="149">
        <v>207502</v>
      </c>
      <c r="E17" s="149">
        <v>101738</v>
      </c>
      <c r="F17" s="149">
        <v>105764</v>
      </c>
      <c r="G17" s="149">
        <v>99866</v>
      </c>
      <c r="H17" s="149">
        <v>207421</v>
      </c>
      <c r="I17" s="149">
        <v>101684</v>
      </c>
      <c r="J17" s="149">
        <v>105737</v>
      </c>
      <c r="K17" s="158">
        <v>99861</v>
      </c>
    </row>
    <row r="18" spans="1:11" ht="9.75" customHeight="1">
      <c r="A18" s="37"/>
      <c r="B18" s="82" t="s">
        <v>107</v>
      </c>
      <c r="C18" s="39"/>
      <c r="D18" s="149">
        <v>243981</v>
      </c>
      <c r="E18" s="149">
        <v>117692</v>
      </c>
      <c r="F18" s="149">
        <v>126289</v>
      </c>
      <c r="G18" s="149">
        <v>107377</v>
      </c>
      <c r="H18" s="149">
        <v>243885</v>
      </c>
      <c r="I18" s="149">
        <v>117660</v>
      </c>
      <c r="J18" s="149">
        <v>126225</v>
      </c>
      <c r="K18" s="158">
        <v>107398</v>
      </c>
    </row>
    <row r="19" spans="1:11" ht="9.75" customHeight="1">
      <c r="A19" s="37"/>
      <c r="B19" s="82" t="s">
        <v>108</v>
      </c>
      <c r="C19" s="39"/>
      <c r="D19" s="149">
        <v>166431</v>
      </c>
      <c r="E19" s="149">
        <v>81860</v>
      </c>
      <c r="F19" s="149">
        <v>84571</v>
      </c>
      <c r="G19" s="149">
        <v>79149</v>
      </c>
      <c r="H19" s="149">
        <v>166436</v>
      </c>
      <c r="I19" s="149">
        <v>81836</v>
      </c>
      <c r="J19" s="149">
        <v>84600</v>
      </c>
      <c r="K19" s="158">
        <v>79162</v>
      </c>
    </row>
    <row r="20" spans="1:11" ht="9.75" customHeight="1">
      <c r="A20" s="37"/>
      <c r="B20" s="82" t="s">
        <v>109</v>
      </c>
      <c r="C20" s="39"/>
      <c r="D20" s="149">
        <v>198329</v>
      </c>
      <c r="E20" s="149">
        <v>96511</v>
      </c>
      <c r="F20" s="149">
        <v>101818</v>
      </c>
      <c r="G20" s="149">
        <v>90539</v>
      </c>
      <c r="H20" s="149">
        <v>198146</v>
      </c>
      <c r="I20" s="149">
        <v>96397</v>
      </c>
      <c r="J20" s="149">
        <v>101749</v>
      </c>
      <c r="K20" s="158">
        <v>90480</v>
      </c>
    </row>
    <row r="21" spans="1:11" ht="9.75" customHeight="1">
      <c r="A21" s="37"/>
      <c r="B21" s="82" t="s">
        <v>110</v>
      </c>
      <c r="C21" s="39"/>
      <c r="D21" s="149">
        <v>360119</v>
      </c>
      <c r="E21" s="149">
        <v>179787</v>
      </c>
      <c r="F21" s="149">
        <v>180332</v>
      </c>
      <c r="G21" s="149">
        <v>177373</v>
      </c>
      <c r="H21" s="149">
        <v>360142</v>
      </c>
      <c r="I21" s="149">
        <v>179810</v>
      </c>
      <c r="J21" s="149">
        <v>180332</v>
      </c>
      <c r="K21" s="158">
        <v>177348</v>
      </c>
    </row>
    <row r="22" spans="1:11" ht="9.75" customHeight="1">
      <c r="A22" s="37"/>
      <c r="B22" s="82" t="s">
        <v>111</v>
      </c>
      <c r="C22" s="39"/>
      <c r="D22" s="149">
        <v>183436</v>
      </c>
      <c r="E22" s="149">
        <v>90255</v>
      </c>
      <c r="F22" s="149">
        <v>93181</v>
      </c>
      <c r="G22" s="149">
        <v>80299</v>
      </c>
      <c r="H22" s="149">
        <v>183466</v>
      </c>
      <c r="I22" s="149">
        <v>90257</v>
      </c>
      <c r="J22" s="149">
        <v>93209</v>
      </c>
      <c r="K22" s="158">
        <v>80356</v>
      </c>
    </row>
    <row r="23" spans="1:11" ht="9.75" customHeight="1">
      <c r="A23" s="37"/>
      <c r="B23" s="82" t="s">
        <v>112</v>
      </c>
      <c r="C23" s="39"/>
      <c r="D23" s="149">
        <v>311185</v>
      </c>
      <c r="E23" s="149">
        <v>150230</v>
      </c>
      <c r="F23" s="149">
        <v>160955</v>
      </c>
      <c r="G23" s="149">
        <v>134067</v>
      </c>
      <c r="H23" s="149">
        <v>311213</v>
      </c>
      <c r="I23" s="149">
        <v>150238</v>
      </c>
      <c r="J23" s="149">
        <v>160975</v>
      </c>
      <c r="K23" s="158">
        <v>134123</v>
      </c>
    </row>
    <row r="24" spans="1:11" ht="9.75" customHeight="1">
      <c r="A24" s="37"/>
      <c r="B24" s="82" t="s">
        <v>113</v>
      </c>
      <c r="C24" s="39"/>
      <c r="D24" s="149">
        <v>214728</v>
      </c>
      <c r="E24" s="149">
        <v>105273</v>
      </c>
      <c r="F24" s="149">
        <v>109455</v>
      </c>
      <c r="G24" s="149">
        <v>85996</v>
      </c>
      <c r="H24" s="149">
        <v>214723</v>
      </c>
      <c r="I24" s="149">
        <v>105266</v>
      </c>
      <c r="J24" s="149">
        <v>109457</v>
      </c>
      <c r="K24" s="158">
        <v>86036</v>
      </c>
    </row>
    <row r="25" spans="1:11" ht="9.75" customHeight="1">
      <c r="A25" s="37"/>
      <c r="B25" s="82" t="s">
        <v>114</v>
      </c>
      <c r="C25" s="39"/>
      <c r="D25" s="149">
        <v>284283</v>
      </c>
      <c r="E25" s="149">
        <v>138582</v>
      </c>
      <c r="F25" s="149">
        <v>145701</v>
      </c>
      <c r="G25" s="149">
        <v>123375</v>
      </c>
      <c r="H25" s="149">
        <v>284316</v>
      </c>
      <c r="I25" s="149">
        <v>138626</v>
      </c>
      <c r="J25" s="149">
        <v>145690</v>
      </c>
      <c r="K25" s="158">
        <v>123411</v>
      </c>
    </row>
    <row r="26" spans="1:11" ht="9.75" customHeight="1">
      <c r="A26" s="37"/>
      <c r="B26" s="82" t="s">
        <v>115</v>
      </c>
      <c r="C26" s="39"/>
      <c r="D26" s="149">
        <v>120674</v>
      </c>
      <c r="E26" s="149">
        <v>58855</v>
      </c>
      <c r="F26" s="149">
        <v>61819</v>
      </c>
      <c r="G26" s="149">
        <v>53426</v>
      </c>
      <c r="H26" s="149">
        <v>120660</v>
      </c>
      <c r="I26" s="149">
        <v>58826</v>
      </c>
      <c r="J26" s="149">
        <v>61834</v>
      </c>
      <c r="K26" s="158">
        <v>53389</v>
      </c>
    </row>
    <row r="27" spans="1:11" ht="9.75" customHeight="1">
      <c r="A27" s="37"/>
      <c r="B27" s="82" t="s">
        <v>116</v>
      </c>
      <c r="C27" s="39"/>
      <c r="D27" s="149">
        <v>152124</v>
      </c>
      <c r="E27" s="149">
        <v>73733</v>
      </c>
      <c r="F27" s="149">
        <v>78391</v>
      </c>
      <c r="G27" s="149">
        <v>63237</v>
      </c>
      <c r="H27" s="149">
        <v>152195</v>
      </c>
      <c r="I27" s="149">
        <v>73757</v>
      </c>
      <c r="J27" s="149">
        <v>78438</v>
      </c>
      <c r="K27" s="158">
        <v>63324</v>
      </c>
    </row>
    <row r="28" spans="1:11" ht="9.75" customHeight="1">
      <c r="A28" s="37"/>
      <c r="B28" s="82" t="s">
        <v>117</v>
      </c>
      <c r="C28" s="39"/>
      <c r="D28" s="149">
        <v>122075</v>
      </c>
      <c r="E28" s="149">
        <v>59075</v>
      </c>
      <c r="F28" s="149">
        <v>63000</v>
      </c>
      <c r="G28" s="149">
        <v>52771</v>
      </c>
      <c r="H28" s="149">
        <v>122124</v>
      </c>
      <c r="I28" s="149">
        <v>59083</v>
      </c>
      <c r="J28" s="149">
        <v>63041</v>
      </c>
      <c r="K28" s="158">
        <v>52828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540953</v>
      </c>
      <c r="E30" s="152">
        <v>776624</v>
      </c>
      <c r="F30" s="152">
        <v>764329</v>
      </c>
      <c r="G30" s="152">
        <v>755504</v>
      </c>
      <c r="H30" s="152">
        <v>1540741</v>
      </c>
      <c r="I30" s="152">
        <v>776521</v>
      </c>
      <c r="J30" s="152">
        <v>764220</v>
      </c>
      <c r="K30" s="159">
        <v>755532</v>
      </c>
    </row>
    <row r="31" spans="1:11" ht="9.75" customHeight="1">
      <c r="A31" s="37"/>
      <c r="B31" s="82" t="s">
        <v>119</v>
      </c>
      <c r="C31" s="39"/>
      <c r="D31" s="149">
        <v>231879</v>
      </c>
      <c r="E31" s="149">
        <v>124650</v>
      </c>
      <c r="F31" s="149">
        <v>107229</v>
      </c>
      <c r="G31" s="149">
        <v>123957</v>
      </c>
      <c r="H31" s="149">
        <v>231683</v>
      </c>
      <c r="I31" s="149">
        <v>124540</v>
      </c>
      <c r="J31" s="149">
        <v>107143</v>
      </c>
      <c r="K31" s="158">
        <v>123845</v>
      </c>
    </row>
    <row r="32" spans="1:11" ht="9.75" customHeight="1">
      <c r="A32" s="37"/>
      <c r="B32" s="82" t="s">
        <v>120</v>
      </c>
      <c r="C32" s="39"/>
      <c r="D32" s="149">
        <v>170872</v>
      </c>
      <c r="E32" s="149">
        <v>86472</v>
      </c>
      <c r="F32" s="149">
        <v>84400</v>
      </c>
      <c r="G32" s="149">
        <v>80441</v>
      </c>
      <c r="H32" s="149">
        <v>170812</v>
      </c>
      <c r="I32" s="149">
        <v>86416</v>
      </c>
      <c r="J32" s="149">
        <v>84396</v>
      </c>
      <c r="K32" s="158">
        <v>80429</v>
      </c>
    </row>
    <row r="33" spans="1:11" ht="9.75" customHeight="1">
      <c r="A33" s="37"/>
      <c r="B33" s="82" t="s">
        <v>121</v>
      </c>
      <c r="C33" s="39"/>
      <c r="D33" s="149">
        <v>264848</v>
      </c>
      <c r="E33" s="149">
        <v>134207</v>
      </c>
      <c r="F33" s="149">
        <v>130641</v>
      </c>
      <c r="G33" s="149">
        <v>136406</v>
      </c>
      <c r="H33" s="149">
        <v>264781</v>
      </c>
      <c r="I33" s="149">
        <v>134150</v>
      </c>
      <c r="J33" s="149">
        <v>130631</v>
      </c>
      <c r="K33" s="158">
        <v>136358</v>
      </c>
    </row>
    <row r="34" spans="1:11" ht="9.75" customHeight="1">
      <c r="A34" s="37"/>
      <c r="B34" s="82" t="s">
        <v>122</v>
      </c>
      <c r="C34" s="39"/>
      <c r="D34" s="149">
        <v>234807</v>
      </c>
      <c r="E34" s="149">
        <v>116518</v>
      </c>
      <c r="F34" s="149">
        <v>118289</v>
      </c>
      <c r="G34" s="149">
        <v>115040</v>
      </c>
      <c r="H34" s="149">
        <v>234854</v>
      </c>
      <c r="I34" s="149">
        <v>116555</v>
      </c>
      <c r="J34" s="149">
        <v>118299</v>
      </c>
      <c r="K34" s="158">
        <v>115098</v>
      </c>
    </row>
    <row r="35" spans="1:11" ht="9.75" customHeight="1">
      <c r="A35" s="37"/>
      <c r="B35" s="82" t="s">
        <v>123</v>
      </c>
      <c r="C35" s="39"/>
      <c r="D35" s="149">
        <v>234310</v>
      </c>
      <c r="E35" s="149">
        <v>113683</v>
      </c>
      <c r="F35" s="149">
        <v>120627</v>
      </c>
      <c r="G35" s="149">
        <v>103612</v>
      </c>
      <c r="H35" s="149">
        <v>234301</v>
      </c>
      <c r="I35" s="149">
        <v>113677</v>
      </c>
      <c r="J35" s="149">
        <v>120624</v>
      </c>
      <c r="K35" s="158">
        <v>103655</v>
      </c>
    </row>
    <row r="36" spans="1:11" ht="9.75" customHeight="1">
      <c r="A36" s="37"/>
      <c r="B36" s="82" t="s">
        <v>124</v>
      </c>
      <c r="C36" s="39"/>
      <c r="D36" s="149">
        <v>223138</v>
      </c>
      <c r="E36" s="149">
        <v>113682</v>
      </c>
      <c r="F36" s="149">
        <v>109456</v>
      </c>
      <c r="G36" s="149">
        <v>115682</v>
      </c>
      <c r="H36" s="149">
        <v>223160</v>
      </c>
      <c r="I36" s="149">
        <v>113726</v>
      </c>
      <c r="J36" s="149">
        <v>109434</v>
      </c>
      <c r="K36" s="158">
        <v>115722</v>
      </c>
    </row>
    <row r="37" spans="1:11" ht="9.75" customHeight="1">
      <c r="A37" s="37"/>
      <c r="B37" s="82" t="s">
        <v>125</v>
      </c>
      <c r="C37" s="39"/>
      <c r="D37" s="149">
        <v>181099</v>
      </c>
      <c r="E37" s="149">
        <v>87412</v>
      </c>
      <c r="F37" s="149">
        <v>93687</v>
      </c>
      <c r="G37" s="149">
        <v>80366</v>
      </c>
      <c r="H37" s="149">
        <v>181150</v>
      </c>
      <c r="I37" s="149">
        <v>87457</v>
      </c>
      <c r="J37" s="149">
        <v>93693</v>
      </c>
      <c r="K37" s="158">
        <v>80425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725887</v>
      </c>
      <c r="E39" s="152">
        <v>362023</v>
      </c>
      <c r="F39" s="152">
        <v>363864</v>
      </c>
      <c r="G39" s="152">
        <v>336552</v>
      </c>
      <c r="H39" s="152">
        <v>725833</v>
      </c>
      <c r="I39" s="152">
        <v>361952</v>
      </c>
      <c r="J39" s="152">
        <v>363881</v>
      </c>
      <c r="K39" s="159">
        <v>336759</v>
      </c>
    </row>
    <row r="40" spans="1:11" ht="9.75" customHeight="1">
      <c r="A40" s="37"/>
      <c r="B40" s="82" t="s">
        <v>111</v>
      </c>
      <c r="C40" s="39"/>
      <c r="D40" s="149">
        <v>169841</v>
      </c>
      <c r="E40" s="149">
        <v>85357</v>
      </c>
      <c r="F40" s="149">
        <v>84484</v>
      </c>
      <c r="G40" s="149">
        <v>75764</v>
      </c>
      <c r="H40" s="149">
        <v>169676</v>
      </c>
      <c r="I40" s="149">
        <v>85256</v>
      </c>
      <c r="J40" s="149">
        <v>84420</v>
      </c>
      <c r="K40" s="158">
        <v>75712</v>
      </c>
    </row>
    <row r="41" spans="1:11" ht="9.75" customHeight="1">
      <c r="A41" s="37"/>
      <c r="B41" s="82" t="s">
        <v>127</v>
      </c>
      <c r="C41" s="39"/>
      <c r="D41" s="149">
        <v>273968</v>
      </c>
      <c r="E41" s="149">
        <v>137014</v>
      </c>
      <c r="F41" s="149">
        <v>136954</v>
      </c>
      <c r="G41" s="149">
        <v>126241</v>
      </c>
      <c r="H41" s="149">
        <v>273992</v>
      </c>
      <c r="I41" s="149">
        <v>137023</v>
      </c>
      <c r="J41" s="149">
        <v>136969</v>
      </c>
      <c r="K41" s="158">
        <v>126364</v>
      </c>
    </row>
    <row r="42" spans="1:11" ht="9.75" customHeight="1">
      <c r="A42" s="37"/>
      <c r="B42" s="82" t="s">
        <v>104</v>
      </c>
      <c r="C42" s="39"/>
      <c r="D42" s="149">
        <v>282078</v>
      </c>
      <c r="E42" s="149">
        <v>139652</v>
      </c>
      <c r="F42" s="149">
        <v>142426</v>
      </c>
      <c r="G42" s="149">
        <v>134547</v>
      </c>
      <c r="H42" s="149">
        <v>282165</v>
      </c>
      <c r="I42" s="149">
        <v>139673</v>
      </c>
      <c r="J42" s="149">
        <v>142492</v>
      </c>
      <c r="K42" s="158">
        <v>134683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386588</v>
      </c>
      <c r="E44" s="149">
        <v>193243</v>
      </c>
      <c r="F44" s="149">
        <v>193345</v>
      </c>
      <c r="G44" s="149">
        <v>165882</v>
      </c>
      <c r="H44" s="149">
        <v>385466</v>
      </c>
      <c r="I44" s="149">
        <v>192256</v>
      </c>
      <c r="J44" s="149">
        <v>193210</v>
      </c>
      <c r="K44" s="158">
        <v>165817</v>
      </c>
    </row>
    <row r="45" spans="1:11" ht="9.75" customHeight="1">
      <c r="A45" s="244" t="s">
        <v>129</v>
      </c>
      <c r="B45" s="245"/>
      <c r="C45" s="39"/>
      <c r="D45" s="149">
        <v>258096</v>
      </c>
      <c r="E45" s="149">
        <v>128835</v>
      </c>
      <c r="F45" s="149">
        <v>129261</v>
      </c>
      <c r="G45" s="149">
        <v>113281</v>
      </c>
      <c r="H45" s="149">
        <v>258010</v>
      </c>
      <c r="I45" s="149">
        <v>128789</v>
      </c>
      <c r="J45" s="149">
        <v>129221</v>
      </c>
      <c r="K45" s="158">
        <v>113306</v>
      </c>
    </row>
    <row r="46" spans="1:11" ht="9.75" customHeight="1">
      <c r="A46" s="244" t="s">
        <v>130</v>
      </c>
      <c r="B46" s="245"/>
      <c r="C46" s="39"/>
      <c r="D46" s="149">
        <v>172696</v>
      </c>
      <c r="E46" s="149">
        <v>81036</v>
      </c>
      <c r="F46" s="149">
        <v>91660</v>
      </c>
      <c r="G46" s="149">
        <v>76294</v>
      </c>
      <c r="H46" s="149">
        <v>172671</v>
      </c>
      <c r="I46" s="149">
        <v>81022</v>
      </c>
      <c r="J46" s="149">
        <v>91649</v>
      </c>
      <c r="K46" s="158">
        <v>76317</v>
      </c>
    </row>
    <row r="47" spans="1:11" ht="9.75" customHeight="1">
      <c r="A47" s="244" t="s">
        <v>131</v>
      </c>
      <c r="B47" s="245"/>
      <c r="C47" s="39"/>
      <c r="D47" s="149">
        <v>439994</v>
      </c>
      <c r="E47" s="149">
        <v>217166</v>
      </c>
      <c r="F47" s="149">
        <v>222828</v>
      </c>
      <c r="G47" s="149">
        <v>196553</v>
      </c>
      <c r="H47" s="149">
        <v>440159</v>
      </c>
      <c r="I47" s="149">
        <v>217278</v>
      </c>
      <c r="J47" s="149">
        <v>222881</v>
      </c>
      <c r="K47" s="158">
        <v>196663</v>
      </c>
    </row>
    <row r="48" spans="1:11" ht="9.75" customHeight="1">
      <c r="A48" s="244" t="s">
        <v>132</v>
      </c>
      <c r="B48" s="245"/>
      <c r="C48" s="39"/>
      <c r="D48" s="149">
        <v>188270</v>
      </c>
      <c r="E48" s="149">
        <v>90924</v>
      </c>
      <c r="F48" s="149">
        <v>97346</v>
      </c>
      <c r="G48" s="149">
        <v>82708</v>
      </c>
      <c r="H48" s="149">
        <v>188273</v>
      </c>
      <c r="I48" s="149">
        <v>90935</v>
      </c>
      <c r="J48" s="149">
        <v>97338</v>
      </c>
      <c r="K48" s="158">
        <v>82760</v>
      </c>
    </row>
    <row r="49" spans="1:11" ht="9.75" customHeight="1">
      <c r="A49" s="244" t="s">
        <v>133</v>
      </c>
      <c r="B49" s="245"/>
      <c r="C49" s="39"/>
      <c r="D49" s="149">
        <v>242901</v>
      </c>
      <c r="E49" s="149">
        <v>117770</v>
      </c>
      <c r="F49" s="149">
        <v>125131</v>
      </c>
      <c r="G49" s="149">
        <v>103731</v>
      </c>
      <c r="H49" s="149">
        <v>243025</v>
      </c>
      <c r="I49" s="149">
        <v>117807</v>
      </c>
      <c r="J49" s="149">
        <v>125218</v>
      </c>
      <c r="K49" s="158">
        <v>103824</v>
      </c>
    </row>
    <row r="50" spans="1:11" ht="9.75" customHeight="1">
      <c r="A50" s="244" t="s">
        <v>134</v>
      </c>
      <c r="B50" s="245"/>
      <c r="C50" s="39"/>
      <c r="D50" s="149">
        <v>57036</v>
      </c>
      <c r="E50" s="149">
        <v>26752</v>
      </c>
      <c r="F50" s="149">
        <v>30284</v>
      </c>
      <c r="G50" s="149">
        <v>25102</v>
      </c>
      <c r="H50" s="149">
        <v>57003</v>
      </c>
      <c r="I50" s="149">
        <v>26732</v>
      </c>
      <c r="J50" s="149">
        <v>30271</v>
      </c>
      <c r="K50" s="158">
        <v>25098</v>
      </c>
    </row>
    <row r="51" spans="1:11" ht="9.75" customHeight="1">
      <c r="A51" s="244" t="s">
        <v>135</v>
      </c>
      <c r="B51" s="245"/>
      <c r="C51" s="39"/>
      <c r="D51" s="149">
        <v>41564</v>
      </c>
      <c r="E51" s="149">
        <v>19887</v>
      </c>
      <c r="F51" s="149">
        <v>21677</v>
      </c>
      <c r="G51" s="149">
        <v>17190</v>
      </c>
      <c r="H51" s="149">
        <v>41545</v>
      </c>
      <c r="I51" s="149">
        <v>19880</v>
      </c>
      <c r="J51" s="149">
        <v>21665</v>
      </c>
      <c r="K51" s="158">
        <v>17184</v>
      </c>
    </row>
    <row r="52" spans="1:11" ht="9.75" customHeight="1">
      <c r="A52" s="244" t="s">
        <v>136</v>
      </c>
      <c r="B52" s="245"/>
      <c r="C52" s="39"/>
      <c r="D52" s="149">
        <v>161938</v>
      </c>
      <c r="E52" s="149">
        <v>81846</v>
      </c>
      <c r="F52" s="149">
        <v>80092</v>
      </c>
      <c r="G52" s="149">
        <v>70829</v>
      </c>
      <c r="H52" s="149">
        <v>161974</v>
      </c>
      <c r="I52" s="149">
        <v>81864</v>
      </c>
      <c r="J52" s="149">
        <v>80110</v>
      </c>
      <c r="K52" s="158">
        <v>70885</v>
      </c>
    </row>
    <row r="53" spans="1:11" ht="9.75" customHeight="1">
      <c r="A53" s="244" t="s">
        <v>137</v>
      </c>
      <c r="B53" s="245"/>
      <c r="C53" s="39"/>
      <c r="D53" s="149">
        <v>223948</v>
      </c>
      <c r="E53" s="149">
        <v>115463</v>
      </c>
      <c r="F53" s="149">
        <v>108485</v>
      </c>
      <c r="G53" s="149">
        <v>101673</v>
      </c>
      <c r="H53" s="149">
        <v>223924</v>
      </c>
      <c r="I53" s="149">
        <v>115422</v>
      </c>
      <c r="J53" s="149">
        <v>108502</v>
      </c>
      <c r="K53" s="158">
        <v>101697</v>
      </c>
    </row>
    <row r="54" spans="1:11" ht="9.75" customHeight="1">
      <c r="A54" s="244" t="s">
        <v>138</v>
      </c>
      <c r="B54" s="245"/>
      <c r="C54" s="39"/>
      <c r="D54" s="149">
        <v>240811</v>
      </c>
      <c r="E54" s="149">
        <v>120217</v>
      </c>
      <c r="F54" s="149">
        <v>120594</v>
      </c>
      <c r="G54" s="149">
        <v>112363</v>
      </c>
      <c r="H54" s="149">
        <v>240812</v>
      </c>
      <c r="I54" s="149">
        <v>120135</v>
      </c>
      <c r="J54" s="149">
        <v>120677</v>
      </c>
      <c r="K54" s="158">
        <v>112399</v>
      </c>
    </row>
    <row r="55" spans="1:11" ht="9.75" customHeight="1">
      <c r="A55" s="244" t="s">
        <v>139</v>
      </c>
      <c r="B55" s="245"/>
      <c r="C55" s="39"/>
      <c r="D55" s="149">
        <v>101328</v>
      </c>
      <c r="E55" s="149">
        <v>51326</v>
      </c>
      <c r="F55" s="149">
        <v>50002</v>
      </c>
      <c r="G55" s="149">
        <v>45662</v>
      </c>
      <c r="H55" s="149">
        <v>101288</v>
      </c>
      <c r="I55" s="149">
        <v>51266</v>
      </c>
      <c r="J55" s="149">
        <v>50022</v>
      </c>
      <c r="K55" s="158">
        <v>45646</v>
      </c>
    </row>
    <row r="56" spans="1:11" ht="9.75" customHeight="1">
      <c r="A56" s="244" t="s">
        <v>140</v>
      </c>
      <c r="B56" s="245"/>
      <c r="C56" s="39"/>
      <c r="D56" s="149">
        <v>137303</v>
      </c>
      <c r="E56" s="149">
        <v>68987</v>
      </c>
      <c r="F56" s="149">
        <v>68316</v>
      </c>
      <c r="G56" s="149">
        <v>59226</v>
      </c>
      <c r="H56" s="149">
        <v>137255</v>
      </c>
      <c r="I56" s="149">
        <v>68969</v>
      </c>
      <c r="J56" s="149">
        <v>68286</v>
      </c>
      <c r="K56" s="158">
        <v>59226</v>
      </c>
    </row>
    <row r="57" spans="1:11" ht="9.75" customHeight="1">
      <c r="A57" s="244" t="s">
        <v>141</v>
      </c>
      <c r="B57" s="245"/>
      <c r="C57" s="39"/>
      <c r="D57" s="149">
        <v>132346</v>
      </c>
      <c r="E57" s="149">
        <v>65899</v>
      </c>
      <c r="F57" s="149">
        <v>66447</v>
      </c>
      <c r="G57" s="149">
        <v>60736</v>
      </c>
      <c r="H57" s="149">
        <v>132366</v>
      </c>
      <c r="I57" s="149">
        <v>65900</v>
      </c>
      <c r="J57" s="149">
        <v>66466</v>
      </c>
      <c r="K57" s="158">
        <v>60772</v>
      </c>
    </row>
    <row r="58" spans="1:11" ht="9.75" customHeight="1">
      <c r="A58" s="244" t="s">
        <v>142</v>
      </c>
      <c r="B58" s="245"/>
      <c r="C58" s="39"/>
      <c r="D58" s="149">
        <v>40503</v>
      </c>
      <c r="E58" s="149">
        <v>19829</v>
      </c>
      <c r="F58" s="149">
        <v>20674</v>
      </c>
      <c r="G58" s="149">
        <v>16354</v>
      </c>
      <c r="H58" s="149">
        <v>40483</v>
      </c>
      <c r="I58" s="149">
        <v>19820</v>
      </c>
      <c r="J58" s="149">
        <v>20663</v>
      </c>
      <c r="K58" s="158">
        <v>16361</v>
      </c>
    </row>
    <row r="59" spans="1:11" ht="9.75" customHeight="1">
      <c r="A59" s="244" t="s">
        <v>143</v>
      </c>
      <c r="B59" s="245"/>
      <c r="C59" s="39"/>
      <c r="D59" s="149">
        <v>83346</v>
      </c>
      <c r="E59" s="149">
        <v>42269</v>
      </c>
      <c r="F59" s="149">
        <v>41077</v>
      </c>
      <c r="G59" s="149">
        <v>34908</v>
      </c>
      <c r="H59" s="149">
        <v>83313</v>
      </c>
      <c r="I59" s="149">
        <v>42233</v>
      </c>
      <c r="J59" s="149">
        <v>41080</v>
      </c>
      <c r="K59" s="158">
        <v>34911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9">
        <v>31696</v>
      </c>
      <c r="E61" s="149">
        <v>14888</v>
      </c>
      <c r="F61" s="149">
        <v>16808</v>
      </c>
      <c r="G61" s="149">
        <v>13080</v>
      </c>
      <c r="H61" s="149">
        <v>31686</v>
      </c>
      <c r="I61" s="149">
        <v>14879</v>
      </c>
      <c r="J61" s="149">
        <v>16807</v>
      </c>
      <c r="K61" s="158">
        <v>13086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9">
        <v>48527</v>
      </c>
      <c r="E63" s="149">
        <v>24564</v>
      </c>
      <c r="F63" s="149">
        <v>23963</v>
      </c>
      <c r="G63" s="149">
        <v>20112</v>
      </c>
      <c r="H63" s="149">
        <v>48533</v>
      </c>
      <c r="I63" s="149">
        <v>24558</v>
      </c>
      <c r="J63" s="149">
        <v>23975</v>
      </c>
      <c r="K63" s="158">
        <v>20138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58990</v>
      </c>
      <c r="E65" s="152">
        <v>28550</v>
      </c>
      <c r="F65" s="152">
        <v>30440</v>
      </c>
      <c r="G65" s="152">
        <v>24384</v>
      </c>
      <c r="H65" s="152">
        <v>58958</v>
      </c>
      <c r="I65" s="152">
        <v>28545</v>
      </c>
      <c r="J65" s="152">
        <v>30413</v>
      </c>
      <c r="K65" s="159">
        <v>24392</v>
      </c>
    </row>
    <row r="66" spans="1:11" ht="9.75" customHeight="1">
      <c r="A66" s="37"/>
      <c r="B66" s="82" t="s">
        <v>147</v>
      </c>
      <c r="C66" s="39"/>
      <c r="D66" s="149">
        <v>31564</v>
      </c>
      <c r="E66" s="149">
        <v>15358</v>
      </c>
      <c r="F66" s="149">
        <v>16206</v>
      </c>
      <c r="G66" s="149">
        <v>12782</v>
      </c>
      <c r="H66" s="149">
        <v>31559</v>
      </c>
      <c r="I66" s="149">
        <v>15368</v>
      </c>
      <c r="J66" s="149">
        <v>16191</v>
      </c>
      <c r="K66" s="158">
        <v>12789</v>
      </c>
    </row>
    <row r="67" spans="1:11" ht="9.75" customHeight="1">
      <c r="A67" s="37"/>
      <c r="B67" s="82" t="s">
        <v>148</v>
      </c>
      <c r="C67" s="39"/>
      <c r="D67" s="149">
        <v>27426</v>
      </c>
      <c r="E67" s="149">
        <v>13192</v>
      </c>
      <c r="F67" s="149">
        <v>14234</v>
      </c>
      <c r="G67" s="149">
        <v>11602</v>
      </c>
      <c r="H67" s="149">
        <v>27399</v>
      </c>
      <c r="I67" s="149">
        <v>13177</v>
      </c>
      <c r="J67" s="149">
        <v>14222</v>
      </c>
      <c r="K67" s="158">
        <v>11603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65045</v>
      </c>
      <c r="E69" s="152">
        <v>32019</v>
      </c>
      <c r="F69" s="152">
        <v>33026</v>
      </c>
      <c r="G69" s="152">
        <v>25725</v>
      </c>
      <c r="H69" s="152">
        <v>65037</v>
      </c>
      <c r="I69" s="152">
        <v>32002</v>
      </c>
      <c r="J69" s="152">
        <v>33035</v>
      </c>
      <c r="K69" s="159">
        <v>25744</v>
      </c>
    </row>
    <row r="70" spans="1:11" ht="9.75" customHeight="1">
      <c r="A70" s="37"/>
      <c r="B70" s="82" t="s">
        <v>150</v>
      </c>
      <c r="C70" s="39"/>
      <c r="D70" s="149">
        <v>9162</v>
      </c>
      <c r="E70" s="149">
        <v>4573</v>
      </c>
      <c r="F70" s="149">
        <v>4589</v>
      </c>
      <c r="G70" s="149">
        <v>3411</v>
      </c>
      <c r="H70" s="149">
        <v>9143</v>
      </c>
      <c r="I70" s="149">
        <v>4567</v>
      </c>
      <c r="J70" s="149">
        <v>4576</v>
      </c>
      <c r="K70" s="158">
        <v>3411</v>
      </c>
    </row>
    <row r="71" spans="1:11" ht="9.75" customHeight="1">
      <c r="A71" s="37"/>
      <c r="B71" s="82" t="s">
        <v>151</v>
      </c>
      <c r="C71" s="39"/>
      <c r="D71" s="149">
        <v>17156</v>
      </c>
      <c r="E71" s="149">
        <v>8422</v>
      </c>
      <c r="F71" s="149">
        <v>8734</v>
      </c>
      <c r="G71" s="149">
        <v>6810</v>
      </c>
      <c r="H71" s="149">
        <v>17160</v>
      </c>
      <c r="I71" s="149">
        <v>8420</v>
      </c>
      <c r="J71" s="149">
        <v>8740</v>
      </c>
      <c r="K71" s="158">
        <v>6819</v>
      </c>
    </row>
    <row r="72" spans="1:11" ht="9.75" customHeight="1">
      <c r="A72" s="37"/>
      <c r="B72" s="82" t="s">
        <v>152</v>
      </c>
      <c r="C72" s="39"/>
      <c r="D72" s="149">
        <v>10655</v>
      </c>
      <c r="E72" s="149">
        <v>5290</v>
      </c>
      <c r="F72" s="149">
        <v>5365</v>
      </c>
      <c r="G72" s="149">
        <v>4546</v>
      </c>
      <c r="H72" s="149">
        <v>10643</v>
      </c>
      <c r="I72" s="149">
        <v>5282</v>
      </c>
      <c r="J72" s="149">
        <v>5361</v>
      </c>
      <c r="K72" s="158">
        <v>4539</v>
      </c>
    </row>
    <row r="73" spans="1:11" ht="9.75" customHeight="1">
      <c r="A73" s="37"/>
      <c r="B73" s="82" t="s">
        <v>153</v>
      </c>
      <c r="C73" s="39"/>
      <c r="D73" s="149">
        <v>9622</v>
      </c>
      <c r="E73" s="149">
        <v>4766</v>
      </c>
      <c r="F73" s="149">
        <v>4856</v>
      </c>
      <c r="G73" s="149">
        <v>3929</v>
      </c>
      <c r="H73" s="149">
        <v>9622</v>
      </c>
      <c r="I73" s="149">
        <v>4761</v>
      </c>
      <c r="J73" s="149">
        <v>4861</v>
      </c>
      <c r="K73" s="158">
        <v>3934</v>
      </c>
    </row>
    <row r="74" spans="1:11" ht="9.75" customHeight="1">
      <c r="A74" s="37"/>
      <c r="B74" s="82" t="s">
        <v>154</v>
      </c>
      <c r="C74" s="39"/>
      <c r="D74" s="149">
        <v>18450</v>
      </c>
      <c r="E74" s="149">
        <v>8968</v>
      </c>
      <c r="F74" s="149">
        <v>9482</v>
      </c>
      <c r="G74" s="149">
        <v>7029</v>
      </c>
      <c r="H74" s="149">
        <v>18469</v>
      </c>
      <c r="I74" s="149">
        <v>8972</v>
      </c>
      <c r="J74" s="149">
        <v>9497</v>
      </c>
      <c r="K74" s="158">
        <v>7041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41059</v>
      </c>
      <c r="E76" s="152">
        <v>19231</v>
      </c>
      <c r="F76" s="152">
        <v>21828</v>
      </c>
      <c r="G76" s="152">
        <v>20099</v>
      </c>
      <c r="H76" s="152">
        <v>41019</v>
      </c>
      <c r="I76" s="152">
        <v>19208</v>
      </c>
      <c r="J76" s="152">
        <v>21811</v>
      </c>
      <c r="K76" s="159">
        <v>20100</v>
      </c>
    </row>
    <row r="77" spans="1:11" ht="9.75" customHeight="1">
      <c r="A77" s="37"/>
      <c r="B77" s="82" t="s">
        <v>156</v>
      </c>
      <c r="C77" s="39"/>
      <c r="D77" s="149">
        <v>11263</v>
      </c>
      <c r="E77" s="149">
        <v>5393</v>
      </c>
      <c r="F77" s="149">
        <v>5870</v>
      </c>
      <c r="G77" s="149">
        <v>6437</v>
      </c>
      <c r="H77" s="149">
        <v>11255</v>
      </c>
      <c r="I77" s="149">
        <v>5389</v>
      </c>
      <c r="J77" s="149">
        <v>5866</v>
      </c>
      <c r="K77" s="158">
        <v>6440</v>
      </c>
    </row>
    <row r="78" spans="1:11" ht="9.75" customHeight="1">
      <c r="A78" s="37"/>
      <c r="B78" s="82" t="s">
        <v>157</v>
      </c>
      <c r="C78" s="39"/>
      <c r="D78" s="149">
        <v>6622</v>
      </c>
      <c r="E78" s="149">
        <v>3071</v>
      </c>
      <c r="F78" s="149">
        <v>3551</v>
      </c>
      <c r="G78" s="149">
        <v>2942</v>
      </c>
      <c r="H78" s="149">
        <v>6615</v>
      </c>
      <c r="I78" s="149">
        <v>3067</v>
      </c>
      <c r="J78" s="149">
        <v>3548</v>
      </c>
      <c r="K78" s="158">
        <v>2946</v>
      </c>
    </row>
    <row r="79" spans="1:11" ht="9.75" customHeight="1">
      <c r="A79" s="37"/>
      <c r="B79" s="82" t="s">
        <v>158</v>
      </c>
      <c r="C79" s="39"/>
      <c r="D79" s="149">
        <v>23174</v>
      </c>
      <c r="E79" s="149">
        <v>10767</v>
      </c>
      <c r="F79" s="149">
        <v>12407</v>
      </c>
      <c r="G79" s="149">
        <v>10720</v>
      </c>
      <c r="H79" s="149">
        <v>23149</v>
      </c>
      <c r="I79" s="149">
        <v>10752</v>
      </c>
      <c r="J79" s="149">
        <v>12397</v>
      </c>
      <c r="K79" s="158">
        <v>10714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42538</v>
      </c>
      <c r="E81" s="152">
        <v>22275</v>
      </c>
      <c r="F81" s="152">
        <v>20263</v>
      </c>
      <c r="G81" s="152">
        <v>18279</v>
      </c>
      <c r="H81" s="152">
        <v>42531</v>
      </c>
      <c r="I81" s="152">
        <v>22265</v>
      </c>
      <c r="J81" s="152">
        <v>20266</v>
      </c>
      <c r="K81" s="159">
        <v>18304</v>
      </c>
    </row>
    <row r="82" spans="1:11" ht="9.75" customHeight="1">
      <c r="A82" s="37"/>
      <c r="B82" s="82" t="s">
        <v>160</v>
      </c>
      <c r="C82" s="39"/>
      <c r="D82" s="149">
        <v>39533</v>
      </c>
      <c r="E82" s="149">
        <v>20743</v>
      </c>
      <c r="F82" s="149">
        <v>18790</v>
      </c>
      <c r="G82" s="149">
        <v>17160</v>
      </c>
      <c r="H82" s="149">
        <v>39517</v>
      </c>
      <c r="I82" s="149">
        <v>20730</v>
      </c>
      <c r="J82" s="149">
        <v>18787</v>
      </c>
      <c r="K82" s="158">
        <v>17184</v>
      </c>
    </row>
    <row r="83" spans="1:11" ht="9.75" customHeight="1">
      <c r="A83" s="37"/>
      <c r="B83" s="82" t="s">
        <v>161</v>
      </c>
      <c r="C83" s="39"/>
      <c r="D83" s="149">
        <v>3005</v>
      </c>
      <c r="E83" s="149">
        <v>1532</v>
      </c>
      <c r="F83" s="149">
        <v>1473</v>
      </c>
      <c r="G83" s="149">
        <v>1119</v>
      </c>
      <c r="H83" s="149">
        <v>3014</v>
      </c>
      <c r="I83" s="149">
        <v>1535</v>
      </c>
      <c r="J83" s="149">
        <v>1479</v>
      </c>
      <c r="K83" s="158">
        <v>1120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85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9</v>
      </c>
      <c r="B2" s="202"/>
      <c r="C2" s="202"/>
      <c r="I2" s="236"/>
      <c r="J2" s="236"/>
      <c r="K2" s="236"/>
    </row>
    <row r="3" spans="1:22" ht="15" customHeight="1">
      <c r="A3" s="203" t="s">
        <v>92</v>
      </c>
      <c r="B3" s="204"/>
      <c r="C3" s="204"/>
      <c r="D3" s="215" t="s">
        <v>186</v>
      </c>
      <c r="E3" s="204"/>
      <c r="F3" s="204"/>
      <c r="G3" s="251"/>
      <c r="H3" s="215" t="s">
        <v>187</v>
      </c>
      <c r="I3" s="204"/>
      <c r="J3" s="204"/>
      <c r="K3" s="252"/>
    </row>
    <row r="4" spans="1:22" ht="15" customHeight="1">
      <c r="A4" s="207"/>
      <c r="B4" s="208"/>
      <c r="C4" s="208"/>
      <c r="D4" s="74" t="s">
        <v>172</v>
      </c>
      <c r="E4" s="74" t="s">
        <v>173</v>
      </c>
      <c r="F4" s="74" t="s">
        <v>174</v>
      </c>
      <c r="G4" s="74" t="s">
        <v>5</v>
      </c>
      <c r="H4" s="74" t="s">
        <v>175</v>
      </c>
      <c r="I4" s="74" t="s">
        <v>173</v>
      </c>
      <c r="J4" s="74" t="s">
        <v>174</v>
      </c>
      <c r="K4" s="92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246" t="s">
        <v>96</v>
      </c>
      <c r="B6" s="247"/>
      <c r="C6" s="16"/>
      <c r="D6" s="17">
        <v>9239650</v>
      </c>
      <c r="E6" s="17">
        <v>4586149</v>
      </c>
      <c r="F6" s="17">
        <v>4653501</v>
      </c>
      <c r="G6" s="17">
        <v>4266556</v>
      </c>
      <c r="H6" s="17">
        <v>9236428</v>
      </c>
      <c r="I6" s="17">
        <v>4583861</v>
      </c>
      <c r="J6" s="17">
        <v>4652567</v>
      </c>
      <c r="K6" s="156">
        <v>4265967</v>
      </c>
    </row>
    <row r="7" spans="1:22" s="29" customFormat="1" ht="9.75" customHeight="1">
      <c r="A7" s="248" t="s">
        <v>97</v>
      </c>
      <c r="B7" s="249"/>
      <c r="C7" s="32"/>
      <c r="D7" s="146">
        <v>8952011</v>
      </c>
      <c r="E7" s="146">
        <v>4444756</v>
      </c>
      <c r="F7" s="146">
        <v>4507255</v>
      </c>
      <c r="G7" s="146">
        <v>4144785</v>
      </c>
      <c r="H7" s="146">
        <v>8948964</v>
      </c>
      <c r="I7" s="146">
        <v>4442536</v>
      </c>
      <c r="J7" s="146">
        <v>4506428</v>
      </c>
      <c r="K7" s="157">
        <v>4144195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287639</v>
      </c>
      <c r="E8" s="146">
        <v>141393</v>
      </c>
      <c r="F8" s="146">
        <v>146246</v>
      </c>
      <c r="G8" s="146">
        <v>121771</v>
      </c>
      <c r="H8" s="146">
        <v>287464</v>
      </c>
      <c r="I8" s="146">
        <v>141325</v>
      </c>
      <c r="J8" s="146">
        <v>146139</v>
      </c>
      <c r="K8" s="157">
        <v>121772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3777436</v>
      </c>
      <c r="E10" s="152">
        <v>1865994</v>
      </c>
      <c r="F10" s="152">
        <v>1911442</v>
      </c>
      <c r="G10" s="152">
        <v>1768323</v>
      </c>
      <c r="H10" s="152">
        <v>3775352</v>
      </c>
      <c r="I10" s="152">
        <v>1864667</v>
      </c>
      <c r="J10" s="152">
        <v>1910685</v>
      </c>
      <c r="K10" s="159">
        <v>1767218</v>
      </c>
    </row>
    <row r="11" spans="1:22" ht="9.75" customHeight="1">
      <c r="A11" s="37"/>
      <c r="B11" s="82" t="s">
        <v>100</v>
      </c>
      <c r="C11" s="39"/>
      <c r="D11" s="149">
        <v>296434</v>
      </c>
      <c r="E11" s="149">
        <v>152884</v>
      </c>
      <c r="F11" s="149">
        <v>143550</v>
      </c>
      <c r="G11" s="149">
        <v>146106</v>
      </c>
      <c r="H11" s="149">
        <v>296140</v>
      </c>
      <c r="I11" s="149">
        <v>152681</v>
      </c>
      <c r="J11" s="149">
        <v>143459</v>
      </c>
      <c r="K11" s="158">
        <v>145917</v>
      </c>
    </row>
    <row r="12" spans="1:22" ht="9.75" customHeight="1">
      <c r="A12" s="37"/>
      <c r="B12" s="82" t="s">
        <v>101</v>
      </c>
      <c r="C12" s="39"/>
      <c r="D12" s="149">
        <v>247767</v>
      </c>
      <c r="E12" s="149">
        <v>126371</v>
      </c>
      <c r="F12" s="149">
        <v>121396</v>
      </c>
      <c r="G12" s="149">
        <v>130595</v>
      </c>
      <c r="H12" s="149">
        <v>247651</v>
      </c>
      <c r="I12" s="149">
        <v>126292</v>
      </c>
      <c r="J12" s="149">
        <v>121359</v>
      </c>
      <c r="K12" s="158">
        <v>130482</v>
      </c>
    </row>
    <row r="13" spans="1:22" ht="9.75" customHeight="1">
      <c r="A13" s="37"/>
      <c r="B13" s="82" t="s">
        <v>102</v>
      </c>
      <c r="C13" s="39"/>
      <c r="D13" s="149">
        <v>104802</v>
      </c>
      <c r="E13" s="149">
        <v>52995</v>
      </c>
      <c r="F13" s="149">
        <v>51807</v>
      </c>
      <c r="G13" s="149">
        <v>57438</v>
      </c>
      <c r="H13" s="149">
        <v>104778</v>
      </c>
      <c r="I13" s="149">
        <v>52961</v>
      </c>
      <c r="J13" s="149">
        <v>51817</v>
      </c>
      <c r="K13" s="158">
        <v>57407</v>
      </c>
    </row>
    <row r="14" spans="1:22" ht="9.75" customHeight="1">
      <c r="A14" s="37"/>
      <c r="B14" s="82" t="s">
        <v>103</v>
      </c>
      <c r="C14" s="39"/>
      <c r="D14" s="149">
        <v>150900</v>
      </c>
      <c r="E14" s="149">
        <v>76865</v>
      </c>
      <c r="F14" s="149">
        <v>74035</v>
      </c>
      <c r="G14" s="149">
        <v>85306</v>
      </c>
      <c r="H14" s="149">
        <v>150667</v>
      </c>
      <c r="I14" s="149">
        <v>76714</v>
      </c>
      <c r="J14" s="149">
        <v>73953</v>
      </c>
      <c r="K14" s="158">
        <v>85139</v>
      </c>
    </row>
    <row r="15" spans="1:22" ht="9.75" customHeight="1">
      <c r="A15" s="37"/>
      <c r="B15" s="82" t="s">
        <v>104</v>
      </c>
      <c r="C15" s="39"/>
      <c r="D15" s="149">
        <v>197917</v>
      </c>
      <c r="E15" s="149">
        <v>98763</v>
      </c>
      <c r="F15" s="149">
        <v>99154</v>
      </c>
      <c r="G15" s="149">
        <v>104660</v>
      </c>
      <c r="H15" s="149">
        <v>197761</v>
      </c>
      <c r="I15" s="149">
        <v>98668</v>
      </c>
      <c r="J15" s="149">
        <v>99093</v>
      </c>
      <c r="K15" s="158">
        <v>104576</v>
      </c>
    </row>
    <row r="16" spans="1:22" ht="9.75" customHeight="1">
      <c r="A16" s="37"/>
      <c r="B16" s="82" t="s">
        <v>105</v>
      </c>
      <c r="C16" s="39"/>
      <c r="D16" s="149">
        <v>215273</v>
      </c>
      <c r="E16" s="149">
        <v>104983</v>
      </c>
      <c r="F16" s="149">
        <v>110290</v>
      </c>
      <c r="G16" s="149">
        <v>96472</v>
      </c>
      <c r="H16" s="149">
        <v>215272</v>
      </c>
      <c r="I16" s="149">
        <v>104969</v>
      </c>
      <c r="J16" s="149">
        <v>110303</v>
      </c>
      <c r="K16" s="158">
        <v>96508</v>
      </c>
    </row>
    <row r="17" spans="1:11" ht="9.75" customHeight="1">
      <c r="A17" s="37"/>
      <c r="B17" s="82" t="s">
        <v>106</v>
      </c>
      <c r="C17" s="39"/>
      <c r="D17" s="149">
        <v>207288</v>
      </c>
      <c r="E17" s="149">
        <v>101591</v>
      </c>
      <c r="F17" s="149">
        <v>105697</v>
      </c>
      <c r="G17" s="149">
        <v>99805</v>
      </c>
      <c r="H17" s="149">
        <v>207185</v>
      </c>
      <c r="I17" s="149">
        <v>101526</v>
      </c>
      <c r="J17" s="149">
        <v>105659</v>
      </c>
      <c r="K17" s="158">
        <v>99777</v>
      </c>
    </row>
    <row r="18" spans="1:11" ht="9.75" customHeight="1">
      <c r="A18" s="37"/>
      <c r="B18" s="82" t="s">
        <v>107</v>
      </c>
      <c r="C18" s="39"/>
      <c r="D18" s="149">
        <v>243701</v>
      </c>
      <c r="E18" s="149">
        <v>117572</v>
      </c>
      <c r="F18" s="149">
        <v>126129</v>
      </c>
      <c r="G18" s="149">
        <v>107321</v>
      </c>
      <c r="H18" s="149">
        <v>243564</v>
      </c>
      <c r="I18" s="149">
        <v>117496</v>
      </c>
      <c r="J18" s="149">
        <v>126068</v>
      </c>
      <c r="K18" s="158">
        <v>107254</v>
      </c>
    </row>
    <row r="19" spans="1:11" ht="9.75" customHeight="1">
      <c r="A19" s="37"/>
      <c r="B19" s="82" t="s">
        <v>108</v>
      </c>
      <c r="C19" s="39"/>
      <c r="D19" s="149">
        <v>166388</v>
      </c>
      <c r="E19" s="149">
        <v>81823</v>
      </c>
      <c r="F19" s="149">
        <v>84565</v>
      </c>
      <c r="G19" s="149">
        <v>79149</v>
      </c>
      <c r="H19" s="149">
        <v>166363</v>
      </c>
      <c r="I19" s="149">
        <v>81793</v>
      </c>
      <c r="J19" s="149">
        <v>84570</v>
      </c>
      <c r="K19" s="158">
        <v>79167</v>
      </c>
    </row>
    <row r="20" spans="1:11" ht="9.75" customHeight="1">
      <c r="A20" s="37"/>
      <c r="B20" s="82" t="s">
        <v>109</v>
      </c>
      <c r="C20" s="39"/>
      <c r="D20" s="149">
        <v>198115</v>
      </c>
      <c r="E20" s="149">
        <v>96371</v>
      </c>
      <c r="F20" s="149">
        <v>101744</v>
      </c>
      <c r="G20" s="149">
        <v>90522</v>
      </c>
      <c r="H20" s="149">
        <v>197719</v>
      </c>
      <c r="I20" s="149">
        <v>96212</v>
      </c>
      <c r="J20" s="149">
        <v>101507</v>
      </c>
      <c r="K20" s="158">
        <v>90239</v>
      </c>
    </row>
    <row r="21" spans="1:11" ht="9.75" customHeight="1">
      <c r="A21" s="37"/>
      <c r="B21" s="82" t="s">
        <v>110</v>
      </c>
      <c r="C21" s="39"/>
      <c r="D21" s="149">
        <v>360123</v>
      </c>
      <c r="E21" s="149">
        <v>179756</v>
      </c>
      <c r="F21" s="149">
        <v>180367</v>
      </c>
      <c r="G21" s="149">
        <v>177331</v>
      </c>
      <c r="H21" s="149">
        <v>359846</v>
      </c>
      <c r="I21" s="149">
        <v>179566</v>
      </c>
      <c r="J21" s="149">
        <v>180280</v>
      </c>
      <c r="K21" s="158">
        <v>177166</v>
      </c>
    </row>
    <row r="22" spans="1:11" ht="9.75" customHeight="1">
      <c r="A22" s="37"/>
      <c r="B22" s="82" t="s">
        <v>111</v>
      </c>
      <c r="C22" s="39"/>
      <c r="D22" s="149">
        <v>183495</v>
      </c>
      <c r="E22" s="149">
        <v>90261</v>
      </c>
      <c r="F22" s="149">
        <v>93234</v>
      </c>
      <c r="G22" s="149">
        <v>80373</v>
      </c>
      <c r="H22" s="149">
        <v>183410</v>
      </c>
      <c r="I22" s="149">
        <v>90221</v>
      </c>
      <c r="J22" s="149">
        <v>93189</v>
      </c>
      <c r="K22" s="158">
        <v>80345</v>
      </c>
    </row>
    <row r="23" spans="1:11" ht="9.75" customHeight="1">
      <c r="A23" s="37"/>
      <c r="B23" s="82" t="s">
        <v>112</v>
      </c>
      <c r="C23" s="39"/>
      <c r="D23" s="149">
        <v>311193</v>
      </c>
      <c r="E23" s="149">
        <v>150219</v>
      </c>
      <c r="F23" s="149">
        <v>160974</v>
      </c>
      <c r="G23" s="149">
        <v>134116</v>
      </c>
      <c r="H23" s="149">
        <v>311057</v>
      </c>
      <c r="I23" s="149">
        <v>150152</v>
      </c>
      <c r="J23" s="149">
        <v>160905</v>
      </c>
      <c r="K23" s="158">
        <v>134101</v>
      </c>
    </row>
    <row r="24" spans="1:11" ht="9.75" customHeight="1">
      <c r="A24" s="37"/>
      <c r="B24" s="82" t="s">
        <v>113</v>
      </c>
      <c r="C24" s="39"/>
      <c r="D24" s="149">
        <v>214851</v>
      </c>
      <c r="E24" s="149">
        <v>105320</v>
      </c>
      <c r="F24" s="149">
        <v>109531</v>
      </c>
      <c r="G24" s="149">
        <v>86156</v>
      </c>
      <c r="H24" s="149">
        <v>214838</v>
      </c>
      <c r="I24" s="149">
        <v>105281</v>
      </c>
      <c r="J24" s="149">
        <v>109557</v>
      </c>
      <c r="K24" s="158">
        <v>86184</v>
      </c>
    </row>
    <row r="25" spans="1:11" ht="9.75" customHeight="1">
      <c r="A25" s="37"/>
      <c r="B25" s="82" t="s">
        <v>114</v>
      </c>
      <c r="C25" s="39"/>
      <c r="D25" s="149">
        <v>284246</v>
      </c>
      <c r="E25" s="149">
        <v>138554</v>
      </c>
      <c r="F25" s="149">
        <v>145692</v>
      </c>
      <c r="G25" s="149">
        <v>123395</v>
      </c>
      <c r="H25" s="149">
        <v>284215</v>
      </c>
      <c r="I25" s="149">
        <v>138536</v>
      </c>
      <c r="J25" s="149">
        <v>145679</v>
      </c>
      <c r="K25" s="158">
        <v>123384</v>
      </c>
    </row>
    <row r="26" spans="1:11" ht="9.75" customHeight="1">
      <c r="A26" s="37"/>
      <c r="B26" s="82" t="s">
        <v>115</v>
      </c>
      <c r="C26" s="39"/>
      <c r="D26" s="149">
        <v>120696</v>
      </c>
      <c r="E26" s="149">
        <v>58844</v>
      </c>
      <c r="F26" s="149">
        <v>61852</v>
      </c>
      <c r="G26" s="149">
        <v>53407</v>
      </c>
      <c r="H26" s="149">
        <v>120591</v>
      </c>
      <c r="I26" s="149">
        <v>58776</v>
      </c>
      <c r="J26" s="149">
        <v>61815</v>
      </c>
      <c r="K26" s="158">
        <v>53319</v>
      </c>
    </row>
    <row r="27" spans="1:11" ht="9.75" customHeight="1">
      <c r="A27" s="37"/>
      <c r="B27" s="82" t="s">
        <v>116</v>
      </c>
      <c r="C27" s="39"/>
      <c r="D27" s="149">
        <v>152217</v>
      </c>
      <c r="E27" s="149">
        <v>73794</v>
      </c>
      <c r="F27" s="149">
        <v>78423</v>
      </c>
      <c r="G27" s="149">
        <v>63353</v>
      </c>
      <c r="H27" s="149">
        <v>152196</v>
      </c>
      <c r="I27" s="149">
        <v>73780</v>
      </c>
      <c r="J27" s="149">
        <v>78416</v>
      </c>
      <c r="K27" s="158">
        <v>63363</v>
      </c>
    </row>
    <row r="28" spans="1:11" ht="9.75" customHeight="1">
      <c r="A28" s="37"/>
      <c r="B28" s="82" t="s">
        <v>117</v>
      </c>
      <c r="C28" s="39"/>
      <c r="D28" s="149">
        <v>122030</v>
      </c>
      <c r="E28" s="149">
        <v>59028</v>
      </c>
      <c r="F28" s="149">
        <v>63002</v>
      </c>
      <c r="G28" s="149">
        <v>52818</v>
      </c>
      <c r="H28" s="149">
        <v>122099</v>
      </c>
      <c r="I28" s="149">
        <v>59043</v>
      </c>
      <c r="J28" s="149">
        <v>63056</v>
      </c>
      <c r="K28" s="158">
        <v>52890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540869</v>
      </c>
      <c r="E30" s="152">
        <v>776439</v>
      </c>
      <c r="F30" s="152">
        <v>764430</v>
      </c>
      <c r="G30" s="152">
        <v>755688</v>
      </c>
      <c r="H30" s="152">
        <v>1540340</v>
      </c>
      <c r="I30" s="152">
        <v>776007</v>
      </c>
      <c r="J30" s="152">
        <v>764333</v>
      </c>
      <c r="K30" s="159">
        <v>755433</v>
      </c>
    </row>
    <row r="31" spans="1:11" ht="9.75" customHeight="1">
      <c r="A31" s="37"/>
      <c r="B31" s="82" t="s">
        <v>119</v>
      </c>
      <c r="C31" s="39"/>
      <c r="D31" s="149">
        <v>231551</v>
      </c>
      <c r="E31" s="149">
        <v>124439</v>
      </c>
      <c r="F31" s="149">
        <v>107112</v>
      </c>
      <c r="G31" s="149">
        <v>123849</v>
      </c>
      <c r="H31" s="149">
        <v>231344</v>
      </c>
      <c r="I31" s="149">
        <v>124309</v>
      </c>
      <c r="J31" s="149">
        <v>107035</v>
      </c>
      <c r="K31" s="158">
        <v>123729</v>
      </c>
    </row>
    <row r="32" spans="1:11" ht="9.75" customHeight="1">
      <c r="A32" s="37"/>
      <c r="B32" s="82" t="s">
        <v>120</v>
      </c>
      <c r="C32" s="39"/>
      <c r="D32" s="149">
        <v>170828</v>
      </c>
      <c r="E32" s="149">
        <v>86420</v>
      </c>
      <c r="F32" s="149">
        <v>84408</v>
      </c>
      <c r="G32" s="149">
        <v>80407</v>
      </c>
      <c r="H32" s="149">
        <v>170804</v>
      </c>
      <c r="I32" s="149">
        <v>86394</v>
      </c>
      <c r="J32" s="149">
        <v>84410</v>
      </c>
      <c r="K32" s="158">
        <v>80445</v>
      </c>
    </row>
    <row r="33" spans="1:11" ht="9.75" customHeight="1">
      <c r="A33" s="37"/>
      <c r="B33" s="82" t="s">
        <v>121</v>
      </c>
      <c r="C33" s="39"/>
      <c r="D33" s="149">
        <v>264821</v>
      </c>
      <c r="E33" s="149">
        <v>134134</v>
      </c>
      <c r="F33" s="149">
        <v>130687</v>
      </c>
      <c r="G33" s="149">
        <v>136388</v>
      </c>
      <c r="H33" s="149">
        <v>264693</v>
      </c>
      <c r="I33" s="149">
        <v>134052</v>
      </c>
      <c r="J33" s="149">
        <v>130641</v>
      </c>
      <c r="K33" s="158">
        <v>136344</v>
      </c>
    </row>
    <row r="34" spans="1:11" ht="9.75" customHeight="1">
      <c r="A34" s="37"/>
      <c r="B34" s="82" t="s">
        <v>122</v>
      </c>
      <c r="C34" s="39"/>
      <c r="D34" s="149">
        <v>234797</v>
      </c>
      <c r="E34" s="149">
        <v>116496</v>
      </c>
      <c r="F34" s="149">
        <v>118301</v>
      </c>
      <c r="G34" s="149">
        <v>115061</v>
      </c>
      <c r="H34" s="149">
        <v>234692</v>
      </c>
      <c r="I34" s="149">
        <v>116438</v>
      </c>
      <c r="J34" s="149">
        <v>118254</v>
      </c>
      <c r="K34" s="158">
        <v>114976</v>
      </c>
    </row>
    <row r="35" spans="1:11" ht="9.75" customHeight="1">
      <c r="A35" s="37"/>
      <c r="B35" s="82" t="s">
        <v>123</v>
      </c>
      <c r="C35" s="39"/>
      <c r="D35" s="149">
        <v>234423</v>
      </c>
      <c r="E35" s="149">
        <v>113699</v>
      </c>
      <c r="F35" s="149">
        <v>120724</v>
      </c>
      <c r="G35" s="149">
        <v>103729</v>
      </c>
      <c r="H35" s="149">
        <v>234460</v>
      </c>
      <c r="I35" s="149">
        <v>113703</v>
      </c>
      <c r="J35" s="149">
        <v>120757</v>
      </c>
      <c r="K35" s="158">
        <v>103690</v>
      </c>
    </row>
    <row r="36" spans="1:11" ht="9.75" customHeight="1">
      <c r="A36" s="37"/>
      <c r="B36" s="82" t="s">
        <v>124</v>
      </c>
      <c r="C36" s="39"/>
      <c r="D36" s="149">
        <v>223312</v>
      </c>
      <c r="E36" s="149">
        <v>113794</v>
      </c>
      <c r="F36" s="149">
        <v>109518</v>
      </c>
      <c r="G36" s="149">
        <v>115816</v>
      </c>
      <c r="H36" s="149">
        <v>223337</v>
      </c>
      <c r="I36" s="149">
        <v>113752</v>
      </c>
      <c r="J36" s="149">
        <v>109585</v>
      </c>
      <c r="K36" s="158">
        <v>115878</v>
      </c>
    </row>
    <row r="37" spans="1:11" ht="9.75" customHeight="1">
      <c r="A37" s="37"/>
      <c r="B37" s="82" t="s">
        <v>125</v>
      </c>
      <c r="C37" s="39"/>
      <c r="D37" s="149">
        <v>181137</v>
      </c>
      <c r="E37" s="149">
        <v>87457</v>
      </c>
      <c r="F37" s="149">
        <v>93680</v>
      </c>
      <c r="G37" s="149">
        <v>80438</v>
      </c>
      <c r="H37" s="149">
        <v>181010</v>
      </c>
      <c r="I37" s="149">
        <v>87359</v>
      </c>
      <c r="J37" s="149">
        <v>93651</v>
      </c>
      <c r="K37" s="158">
        <v>80371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725899</v>
      </c>
      <c r="E39" s="152">
        <v>361976</v>
      </c>
      <c r="F39" s="152">
        <v>363923</v>
      </c>
      <c r="G39" s="152">
        <v>336983</v>
      </c>
      <c r="H39" s="152">
        <v>725924</v>
      </c>
      <c r="I39" s="152">
        <v>361963</v>
      </c>
      <c r="J39" s="152">
        <v>363961</v>
      </c>
      <c r="K39" s="159">
        <v>337201</v>
      </c>
    </row>
    <row r="40" spans="1:11" ht="9.75" customHeight="1">
      <c r="A40" s="37"/>
      <c r="B40" s="82" t="s">
        <v>111</v>
      </c>
      <c r="C40" s="39"/>
      <c r="D40" s="149">
        <v>169663</v>
      </c>
      <c r="E40" s="149">
        <v>85240</v>
      </c>
      <c r="F40" s="149">
        <v>84423</v>
      </c>
      <c r="G40" s="149">
        <v>75782</v>
      </c>
      <c r="H40" s="149">
        <v>169644</v>
      </c>
      <c r="I40" s="149">
        <v>85228</v>
      </c>
      <c r="J40" s="149">
        <v>84416</v>
      </c>
      <c r="K40" s="158">
        <v>75803</v>
      </c>
    </row>
    <row r="41" spans="1:11" ht="9.75" customHeight="1">
      <c r="A41" s="37"/>
      <c r="B41" s="82" t="s">
        <v>127</v>
      </c>
      <c r="C41" s="39"/>
      <c r="D41" s="149">
        <v>273986</v>
      </c>
      <c r="E41" s="149">
        <v>137023</v>
      </c>
      <c r="F41" s="149">
        <v>136963</v>
      </c>
      <c r="G41" s="149">
        <v>126431</v>
      </c>
      <c r="H41" s="149">
        <v>274006</v>
      </c>
      <c r="I41" s="149">
        <v>137029</v>
      </c>
      <c r="J41" s="149">
        <v>136977</v>
      </c>
      <c r="K41" s="158">
        <v>126543</v>
      </c>
    </row>
    <row r="42" spans="1:11" ht="9.75" customHeight="1">
      <c r="A42" s="37"/>
      <c r="B42" s="82" t="s">
        <v>104</v>
      </c>
      <c r="C42" s="39"/>
      <c r="D42" s="149">
        <v>282250</v>
      </c>
      <c r="E42" s="149">
        <v>139713</v>
      </c>
      <c r="F42" s="149">
        <v>142537</v>
      </c>
      <c r="G42" s="149">
        <v>134770</v>
      </c>
      <c r="H42" s="149">
        <v>282274</v>
      </c>
      <c r="I42" s="149">
        <v>139706</v>
      </c>
      <c r="J42" s="149">
        <v>142568</v>
      </c>
      <c r="K42" s="158">
        <v>134855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385071</v>
      </c>
      <c r="E44" s="149">
        <v>192034</v>
      </c>
      <c r="F44" s="149">
        <v>193037</v>
      </c>
      <c r="G44" s="149">
        <v>165917</v>
      </c>
      <c r="H44" s="149">
        <v>384638</v>
      </c>
      <c r="I44" s="149">
        <v>191779</v>
      </c>
      <c r="J44" s="149">
        <v>192859</v>
      </c>
      <c r="K44" s="158">
        <v>165960</v>
      </c>
    </row>
    <row r="45" spans="1:11" ht="9.75" customHeight="1">
      <c r="A45" s="244" t="s">
        <v>129</v>
      </c>
      <c r="B45" s="245"/>
      <c r="C45" s="39"/>
      <c r="D45" s="149">
        <v>257943</v>
      </c>
      <c r="E45" s="149">
        <v>128756</v>
      </c>
      <c r="F45" s="149">
        <v>129187</v>
      </c>
      <c r="G45" s="149">
        <v>113328</v>
      </c>
      <c r="H45" s="149">
        <v>257883</v>
      </c>
      <c r="I45" s="149">
        <v>128719</v>
      </c>
      <c r="J45" s="149">
        <v>129164</v>
      </c>
      <c r="K45" s="158">
        <v>113350</v>
      </c>
    </row>
    <row r="46" spans="1:11" ht="9.75" customHeight="1">
      <c r="A46" s="244" t="s">
        <v>130</v>
      </c>
      <c r="B46" s="245"/>
      <c r="C46" s="39"/>
      <c r="D46" s="149">
        <v>172707</v>
      </c>
      <c r="E46" s="149">
        <v>81068</v>
      </c>
      <c r="F46" s="149">
        <v>91639</v>
      </c>
      <c r="G46" s="149">
        <v>76370</v>
      </c>
      <c r="H46" s="149">
        <v>172772</v>
      </c>
      <c r="I46" s="149">
        <v>81113</v>
      </c>
      <c r="J46" s="149">
        <v>91659</v>
      </c>
      <c r="K46" s="158">
        <v>76418</v>
      </c>
    </row>
    <row r="47" spans="1:11" ht="9.75" customHeight="1">
      <c r="A47" s="244" t="s">
        <v>131</v>
      </c>
      <c r="B47" s="245"/>
      <c r="C47" s="39"/>
      <c r="D47" s="149">
        <v>440454</v>
      </c>
      <c r="E47" s="149">
        <v>217398</v>
      </c>
      <c r="F47" s="149">
        <v>223056</v>
      </c>
      <c r="G47" s="149">
        <v>196870</v>
      </c>
      <c r="H47" s="149">
        <v>440487</v>
      </c>
      <c r="I47" s="149">
        <v>217421</v>
      </c>
      <c r="J47" s="149">
        <v>223066</v>
      </c>
      <c r="K47" s="158">
        <v>197025</v>
      </c>
    </row>
    <row r="48" spans="1:11" ht="9.75" customHeight="1">
      <c r="A48" s="244" t="s">
        <v>132</v>
      </c>
      <c r="B48" s="245"/>
      <c r="C48" s="39"/>
      <c r="D48" s="149">
        <v>188274</v>
      </c>
      <c r="E48" s="149">
        <v>90942</v>
      </c>
      <c r="F48" s="149">
        <v>97332</v>
      </c>
      <c r="G48" s="149">
        <v>82823</v>
      </c>
      <c r="H48" s="149">
        <v>188243</v>
      </c>
      <c r="I48" s="149">
        <v>90907</v>
      </c>
      <c r="J48" s="149">
        <v>97336</v>
      </c>
      <c r="K48" s="158">
        <v>82886</v>
      </c>
    </row>
    <row r="49" spans="1:11" ht="9.75" customHeight="1">
      <c r="A49" s="244" t="s">
        <v>133</v>
      </c>
      <c r="B49" s="245"/>
      <c r="C49" s="39"/>
      <c r="D49" s="149">
        <v>243198</v>
      </c>
      <c r="E49" s="149">
        <v>117883</v>
      </c>
      <c r="F49" s="149">
        <v>125315</v>
      </c>
      <c r="G49" s="149">
        <v>103978</v>
      </c>
      <c r="H49" s="149">
        <v>243406</v>
      </c>
      <c r="I49" s="149">
        <v>117993</v>
      </c>
      <c r="J49" s="149">
        <v>125413</v>
      </c>
      <c r="K49" s="158">
        <v>104132</v>
      </c>
    </row>
    <row r="50" spans="1:11" ht="9.75" customHeight="1">
      <c r="A50" s="244" t="s">
        <v>134</v>
      </c>
      <c r="B50" s="245"/>
      <c r="C50" s="39"/>
      <c r="D50" s="149">
        <v>57015</v>
      </c>
      <c r="E50" s="149">
        <v>26731</v>
      </c>
      <c r="F50" s="149">
        <v>30284</v>
      </c>
      <c r="G50" s="149">
        <v>25128</v>
      </c>
      <c r="H50" s="149">
        <v>57006</v>
      </c>
      <c r="I50" s="149">
        <v>26723</v>
      </c>
      <c r="J50" s="149">
        <v>30283</v>
      </c>
      <c r="K50" s="158">
        <v>25129</v>
      </c>
    </row>
    <row r="51" spans="1:11" ht="9.75" customHeight="1">
      <c r="A51" s="244" t="s">
        <v>135</v>
      </c>
      <c r="B51" s="245"/>
      <c r="C51" s="39"/>
      <c r="D51" s="149">
        <v>41494</v>
      </c>
      <c r="E51" s="149">
        <v>19850</v>
      </c>
      <c r="F51" s="149">
        <v>21644</v>
      </c>
      <c r="G51" s="149">
        <v>17171</v>
      </c>
      <c r="H51" s="149">
        <v>41465</v>
      </c>
      <c r="I51" s="149">
        <v>19834</v>
      </c>
      <c r="J51" s="149">
        <v>21631</v>
      </c>
      <c r="K51" s="158">
        <v>17178</v>
      </c>
    </row>
    <row r="52" spans="1:11" ht="9.75" customHeight="1">
      <c r="A52" s="244" t="s">
        <v>136</v>
      </c>
      <c r="B52" s="245"/>
      <c r="C52" s="39"/>
      <c r="D52" s="149">
        <v>161994</v>
      </c>
      <c r="E52" s="149">
        <v>81887</v>
      </c>
      <c r="F52" s="149">
        <v>80107</v>
      </c>
      <c r="G52" s="149">
        <v>70943</v>
      </c>
      <c r="H52" s="149">
        <v>161976</v>
      </c>
      <c r="I52" s="149">
        <v>81867</v>
      </c>
      <c r="J52" s="149">
        <v>80109</v>
      </c>
      <c r="K52" s="158">
        <v>70996</v>
      </c>
    </row>
    <row r="53" spans="1:11" ht="9.75" customHeight="1">
      <c r="A53" s="244" t="s">
        <v>137</v>
      </c>
      <c r="B53" s="245"/>
      <c r="C53" s="39"/>
      <c r="D53" s="149">
        <v>223909</v>
      </c>
      <c r="E53" s="149">
        <v>115395</v>
      </c>
      <c r="F53" s="149">
        <v>108514</v>
      </c>
      <c r="G53" s="149">
        <v>101743</v>
      </c>
      <c r="H53" s="149">
        <v>223771</v>
      </c>
      <c r="I53" s="149">
        <v>115293</v>
      </c>
      <c r="J53" s="149">
        <v>108478</v>
      </c>
      <c r="K53" s="158">
        <v>101734</v>
      </c>
    </row>
    <row r="54" spans="1:11" ht="9.75" customHeight="1">
      <c r="A54" s="244" t="s">
        <v>138</v>
      </c>
      <c r="B54" s="245"/>
      <c r="C54" s="39"/>
      <c r="D54" s="149">
        <v>241006</v>
      </c>
      <c r="E54" s="149">
        <v>120227</v>
      </c>
      <c r="F54" s="149">
        <v>120779</v>
      </c>
      <c r="G54" s="149">
        <v>112537</v>
      </c>
      <c r="H54" s="149">
        <v>241180</v>
      </c>
      <c r="I54" s="149">
        <v>120269</v>
      </c>
      <c r="J54" s="149">
        <v>120911</v>
      </c>
      <c r="K54" s="158">
        <v>112630</v>
      </c>
    </row>
    <row r="55" spans="1:11" ht="9.75" customHeight="1">
      <c r="A55" s="244" t="s">
        <v>139</v>
      </c>
      <c r="B55" s="245"/>
      <c r="C55" s="39"/>
      <c r="D55" s="149">
        <v>101254</v>
      </c>
      <c r="E55" s="149">
        <v>51224</v>
      </c>
      <c r="F55" s="149">
        <v>50030</v>
      </c>
      <c r="G55" s="149">
        <v>45613</v>
      </c>
      <c r="H55" s="149">
        <v>101237</v>
      </c>
      <c r="I55" s="149">
        <v>51189</v>
      </c>
      <c r="J55" s="149">
        <v>50048</v>
      </c>
      <c r="K55" s="158">
        <v>45594</v>
      </c>
    </row>
    <row r="56" spans="1:11" ht="9.75" customHeight="1">
      <c r="A56" s="244" t="s">
        <v>140</v>
      </c>
      <c r="B56" s="245"/>
      <c r="C56" s="39"/>
      <c r="D56" s="149">
        <v>137307</v>
      </c>
      <c r="E56" s="149">
        <v>68997</v>
      </c>
      <c r="F56" s="149">
        <v>68310</v>
      </c>
      <c r="G56" s="149">
        <v>59286</v>
      </c>
      <c r="H56" s="149">
        <v>137303</v>
      </c>
      <c r="I56" s="149">
        <v>68990</v>
      </c>
      <c r="J56" s="149">
        <v>68313</v>
      </c>
      <c r="K56" s="158">
        <v>59310</v>
      </c>
    </row>
    <row r="57" spans="1:11" ht="9.75" customHeight="1">
      <c r="A57" s="244" t="s">
        <v>141</v>
      </c>
      <c r="B57" s="245"/>
      <c r="C57" s="39"/>
      <c r="D57" s="149">
        <v>132410</v>
      </c>
      <c r="E57" s="149">
        <v>65923</v>
      </c>
      <c r="F57" s="149">
        <v>66487</v>
      </c>
      <c r="G57" s="149">
        <v>60809</v>
      </c>
      <c r="H57" s="149">
        <v>132252</v>
      </c>
      <c r="I57" s="149">
        <v>65825</v>
      </c>
      <c r="J57" s="149">
        <v>66427</v>
      </c>
      <c r="K57" s="158">
        <v>60742</v>
      </c>
    </row>
    <row r="58" spans="1:11" ht="9.75" customHeight="1">
      <c r="A58" s="244" t="s">
        <v>142</v>
      </c>
      <c r="B58" s="245"/>
      <c r="C58" s="39"/>
      <c r="D58" s="149">
        <v>40448</v>
      </c>
      <c r="E58" s="149">
        <v>19804</v>
      </c>
      <c r="F58" s="149">
        <v>20644</v>
      </c>
      <c r="G58" s="149">
        <v>16366</v>
      </c>
      <c r="H58" s="149">
        <v>40412</v>
      </c>
      <c r="I58" s="149">
        <v>19779</v>
      </c>
      <c r="J58" s="149">
        <v>20633</v>
      </c>
      <c r="K58" s="158">
        <v>16350</v>
      </c>
    </row>
    <row r="59" spans="1:11" ht="9.75" customHeight="1">
      <c r="A59" s="244" t="s">
        <v>143</v>
      </c>
      <c r="B59" s="245"/>
      <c r="C59" s="39"/>
      <c r="D59" s="149">
        <v>83323</v>
      </c>
      <c r="E59" s="149">
        <v>42228</v>
      </c>
      <c r="F59" s="149">
        <v>41095</v>
      </c>
      <c r="G59" s="149">
        <v>34909</v>
      </c>
      <c r="H59" s="149">
        <v>83317</v>
      </c>
      <c r="I59" s="149">
        <v>42198</v>
      </c>
      <c r="J59" s="149">
        <v>41119</v>
      </c>
      <c r="K59" s="158">
        <v>34909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6">
        <v>31684</v>
      </c>
      <c r="E61" s="149">
        <v>14881</v>
      </c>
      <c r="F61" s="149">
        <v>16803</v>
      </c>
      <c r="G61" s="149">
        <v>13090</v>
      </c>
      <c r="H61" s="149">
        <v>31667</v>
      </c>
      <c r="I61" s="149">
        <v>14872</v>
      </c>
      <c r="J61" s="149">
        <v>16795</v>
      </c>
      <c r="K61" s="158">
        <v>13092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6">
        <v>48531</v>
      </c>
      <c r="E63" s="149">
        <v>24544</v>
      </c>
      <c r="F63" s="149">
        <v>23987</v>
      </c>
      <c r="G63" s="149">
        <v>20136</v>
      </c>
      <c r="H63" s="149">
        <v>48495</v>
      </c>
      <c r="I63" s="149">
        <v>24530</v>
      </c>
      <c r="J63" s="149">
        <v>23965</v>
      </c>
      <c r="K63" s="158">
        <v>20150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58921</v>
      </c>
      <c r="E65" s="152">
        <v>28523</v>
      </c>
      <c r="F65" s="152">
        <v>30398</v>
      </c>
      <c r="G65" s="152">
        <v>24400</v>
      </c>
      <c r="H65" s="152">
        <v>58856</v>
      </c>
      <c r="I65" s="152">
        <v>28491</v>
      </c>
      <c r="J65" s="152">
        <v>30365</v>
      </c>
      <c r="K65" s="159">
        <v>24378</v>
      </c>
    </row>
    <row r="66" spans="1:11" ht="9.75" customHeight="1">
      <c r="A66" s="37"/>
      <c r="B66" s="82" t="s">
        <v>147</v>
      </c>
      <c r="C66" s="39"/>
      <c r="D66" s="149">
        <v>31537</v>
      </c>
      <c r="E66" s="149">
        <v>15357</v>
      </c>
      <c r="F66" s="149">
        <v>16180</v>
      </c>
      <c r="G66" s="149">
        <v>12795</v>
      </c>
      <c r="H66" s="149">
        <v>31475</v>
      </c>
      <c r="I66" s="149">
        <v>15333</v>
      </c>
      <c r="J66" s="149">
        <v>16142</v>
      </c>
      <c r="K66" s="158">
        <v>12770</v>
      </c>
    </row>
    <row r="67" spans="1:11" ht="9.75" customHeight="1">
      <c r="A67" s="37"/>
      <c r="B67" s="82" t="s">
        <v>148</v>
      </c>
      <c r="C67" s="39"/>
      <c r="D67" s="149">
        <v>27384</v>
      </c>
      <c r="E67" s="149">
        <v>13166</v>
      </c>
      <c r="F67" s="149">
        <v>14218</v>
      </c>
      <c r="G67" s="149">
        <v>11605</v>
      </c>
      <c r="H67" s="149">
        <v>27381</v>
      </c>
      <c r="I67" s="149">
        <v>13158</v>
      </c>
      <c r="J67" s="149">
        <v>14223</v>
      </c>
      <c r="K67" s="158">
        <v>11608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65035</v>
      </c>
      <c r="E69" s="152">
        <v>32006</v>
      </c>
      <c r="F69" s="152">
        <v>33029</v>
      </c>
      <c r="G69" s="152">
        <v>25759</v>
      </c>
      <c r="H69" s="152">
        <v>65023</v>
      </c>
      <c r="I69" s="152">
        <v>32019</v>
      </c>
      <c r="J69" s="152">
        <v>33004</v>
      </c>
      <c r="K69" s="159">
        <v>25777</v>
      </c>
    </row>
    <row r="70" spans="1:11" ht="9.75" customHeight="1">
      <c r="A70" s="37"/>
      <c r="B70" s="82" t="s">
        <v>150</v>
      </c>
      <c r="C70" s="39"/>
      <c r="D70" s="149">
        <v>9142</v>
      </c>
      <c r="E70" s="149">
        <v>4569</v>
      </c>
      <c r="F70" s="149">
        <v>4573</v>
      </c>
      <c r="G70" s="149">
        <v>3410</v>
      </c>
      <c r="H70" s="149">
        <v>9116</v>
      </c>
      <c r="I70" s="149">
        <v>4561</v>
      </c>
      <c r="J70" s="149">
        <v>4555</v>
      </c>
      <c r="K70" s="158">
        <v>3408</v>
      </c>
    </row>
    <row r="71" spans="1:11" ht="9.75" customHeight="1">
      <c r="A71" s="37"/>
      <c r="B71" s="82" t="s">
        <v>151</v>
      </c>
      <c r="C71" s="39"/>
      <c r="D71" s="149">
        <v>17146</v>
      </c>
      <c r="E71" s="149">
        <v>8411</v>
      </c>
      <c r="F71" s="149">
        <v>8735</v>
      </c>
      <c r="G71" s="149">
        <v>6816</v>
      </c>
      <c r="H71" s="149">
        <v>17158</v>
      </c>
      <c r="I71" s="149">
        <v>8423</v>
      </c>
      <c r="J71" s="149">
        <v>8735</v>
      </c>
      <c r="K71" s="158">
        <v>6827</v>
      </c>
    </row>
    <row r="72" spans="1:11" ht="9.75" customHeight="1">
      <c r="A72" s="37"/>
      <c r="B72" s="82" t="s">
        <v>152</v>
      </c>
      <c r="C72" s="39"/>
      <c r="D72" s="149">
        <v>10639</v>
      </c>
      <c r="E72" s="149">
        <v>5283</v>
      </c>
      <c r="F72" s="149">
        <v>5356</v>
      </c>
      <c r="G72" s="149">
        <v>4541</v>
      </c>
      <c r="H72" s="149">
        <v>10616</v>
      </c>
      <c r="I72" s="149">
        <v>5274</v>
      </c>
      <c r="J72" s="149">
        <v>5342</v>
      </c>
      <c r="K72" s="158">
        <v>4530</v>
      </c>
    </row>
    <row r="73" spans="1:11" ht="9.75" customHeight="1">
      <c r="A73" s="37"/>
      <c r="B73" s="82" t="s">
        <v>153</v>
      </c>
      <c r="C73" s="39"/>
      <c r="D73" s="149">
        <v>9624</v>
      </c>
      <c r="E73" s="149">
        <v>4759</v>
      </c>
      <c r="F73" s="149">
        <v>4865</v>
      </c>
      <c r="G73" s="149">
        <v>3938</v>
      </c>
      <c r="H73" s="149">
        <v>9620</v>
      </c>
      <c r="I73" s="149">
        <v>4764</v>
      </c>
      <c r="J73" s="149">
        <v>4856</v>
      </c>
      <c r="K73" s="158">
        <v>3942</v>
      </c>
    </row>
    <row r="74" spans="1:11" ht="9.75" customHeight="1">
      <c r="A74" s="37"/>
      <c r="B74" s="82" t="s">
        <v>154</v>
      </c>
      <c r="C74" s="39"/>
      <c r="D74" s="149">
        <v>18484</v>
      </c>
      <c r="E74" s="149">
        <v>8984</v>
      </c>
      <c r="F74" s="149">
        <v>9500</v>
      </c>
      <c r="G74" s="149">
        <v>7054</v>
      </c>
      <c r="H74" s="149">
        <v>18513</v>
      </c>
      <c r="I74" s="149">
        <v>8997</v>
      </c>
      <c r="J74" s="149">
        <v>9516</v>
      </c>
      <c r="K74" s="158">
        <v>7070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40929</v>
      </c>
      <c r="E76" s="152">
        <v>19183</v>
      </c>
      <c r="F76" s="152">
        <v>21746</v>
      </c>
      <c r="G76" s="152">
        <v>20058</v>
      </c>
      <c r="H76" s="152">
        <v>40861</v>
      </c>
      <c r="I76" s="152">
        <v>19144</v>
      </c>
      <c r="J76" s="152">
        <v>21717</v>
      </c>
      <c r="K76" s="159">
        <v>20029</v>
      </c>
    </row>
    <row r="77" spans="1:11" ht="9.75" customHeight="1">
      <c r="A77" s="37"/>
      <c r="B77" s="82" t="s">
        <v>156</v>
      </c>
      <c r="C77" s="39"/>
      <c r="D77" s="149">
        <v>11216</v>
      </c>
      <c r="E77" s="149">
        <v>5380</v>
      </c>
      <c r="F77" s="149">
        <v>5836</v>
      </c>
      <c r="G77" s="149">
        <v>6405</v>
      </c>
      <c r="H77" s="149">
        <v>11174</v>
      </c>
      <c r="I77" s="149">
        <v>5357</v>
      </c>
      <c r="J77" s="149">
        <v>5817</v>
      </c>
      <c r="K77" s="158">
        <v>6368</v>
      </c>
    </row>
    <row r="78" spans="1:11" ht="9.75" customHeight="1">
      <c r="A78" s="37"/>
      <c r="B78" s="82" t="s">
        <v>157</v>
      </c>
      <c r="C78" s="39"/>
      <c r="D78" s="149">
        <v>6604</v>
      </c>
      <c r="E78" s="149">
        <v>3062</v>
      </c>
      <c r="F78" s="149">
        <v>3542</v>
      </c>
      <c r="G78" s="149">
        <v>2949</v>
      </c>
      <c r="H78" s="149">
        <v>6598</v>
      </c>
      <c r="I78" s="149">
        <v>3057</v>
      </c>
      <c r="J78" s="149">
        <v>3541</v>
      </c>
      <c r="K78" s="158">
        <v>2954</v>
      </c>
    </row>
    <row r="79" spans="1:11" ht="9.75" customHeight="1">
      <c r="A79" s="37"/>
      <c r="B79" s="82" t="s">
        <v>158</v>
      </c>
      <c r="C79" s="39"/>
      <c r="D79" s="149">
        <v>23109</v>
      </c>
      <c r="E79" s="149">
        <v>10741</v>
      </c>
      <c r="F79" s="149">
        <v>12368</v>
      </c>
      <c r="G79" s="149">
        <v>10704</v>
      </c>
      <c r="H79" s="149">
        <v>23089</v>
      </c>
      <c r="I79" s="149">
        <v>10730</v>
      </c>
      <c r="J79" s="149">
        <v>12359</v>
      </c>
      <c r="K79" s="158">
        <v>10707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42539</v>
      </c>
      <c r="E81" s="152">
        <v>22256</v>
      </c>
      <c r="F81" s="152">
        <v>20283</v>
      </c>
      <c r="G81" s="152">
        <v>18328</v>
      </c>
      <c r="H81" s="152">
        <v>42562</v>
      </c>
      <c r="I81" s="152">
        <v>22269</v>
      </c>
      <c r="J81" s="152">
        <v>20293</v>
      </c>
      <c r="K81" s="159">
        <v>18346</v>
      </c>
    </row>
    <row r="82" spans="1:11" ht="9.75" customHeight="1">
      <c r="A82" s="37"/>
      <c r="B82" s="82" t="s">
        <v>160</v>
      </c>
      <c r="C82" s="39"/>
      <c r="D82" s="149">
        <v>39522</v>
      </c>
      <c r="E82" s="149">
        <v>20723</v>
      </c>
      <c r="F82" s="149">
        <v>18799</v>
      </c>
      <c r="G82" s="149">
        <v>17205</v>
      </c>
      <c r="H82" s="149">
        <v>39537</v>
      </c>
      <c r="I82" s="149">
        <v>20732</v>
      </c>
      <c r="J82" s="149">
        <v>18805</v>
      </c>
      <c r="K82" s="158">
        <v>17211</v>
      </c>
    </row>
    <row r="83" spans="1:11" ht="9.75" customHeight="1">
      <c r="A83" s="37"/>
      <c r="B83" s="82" t="s">
        <v>161</v>
      </c>
      <c r="C83" s="39"/>
      <c r="D83" s="149">
        <v>3017</v>
      </c>
      <c r="E83" s="149">
        <v>1533</v>
      </c>
      <c r="F83" s="149">
        <v>1484</v>
      </c>
      <c r="G83" s="149">
        <v>1123</v>
      </c>
      <c r="H83" s="149">
        <v>3025</v>
      </c>
      <c r="I83" s="149">
        <v>1537</v>
      </c>
      <c r="J83" s="149">
        <v>1488</v>
      </c>
      <c r="K83" s="158">
        <v>1135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88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9</v>
      </c>
      <c r="B2" s="202"/>
      <c r="C2" s="202"/>
      <c r="I2" s="236"/>
      <c r="J2" s="236"/>
      <c r="K2" s="236"/>
    </row>
    <row r="3" spans="1:22" ht="15" customHeight="1">
      <c r="A3" s="203" t="s">
        <v>92</v>
      </c>
      <c r="B3" s="204"/>
      <c r="C3" s="204"/>
      <c r="D3" s="215" t="s">
        <v>189</v>
      </c>
      <c r="E3" s="204"/>
      <c r="F3" s="204"/>
      <c r="G3" s="251"/>
      <c r="H3" s="215" t="s">
        <v>190</v>
      </c>
      <c r="I3" s="204"/>
      <c r="J3" s="204"/>
      <c r="K3" s="252"/>
    </row>
    <row r="4" spans="1:22" ht="15" customHeight="1">
      <c r="A4" s="207"/>
      <c r="B4" s="208"/>
      <c r="C4" s="208"/>
      <c r="D4" s="74" t="s">
        <v>172</v>
      </c>
      <c r="E4" s="74" t="s">
        <v>173</v>
      </c>
      <c r="F4" s="74" t="s">
        <v>174</v>
      </c>
      <c r="G4" s="74" t="s">
        <v>5</v>
      </c>
      <c r="H4" s="74" t="s">
        <v>175</v>
      </c>
      <c r="I4" s="74" t="s">
        <v>173</v>
      </c>
      <c r="J4" s="74" t="s">
        <v>174</v>
      </c>
      <c r="K4" s="92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246" t="s">
        <v>96</v>
      </c>
      <c r="B6" s="247"/>
      <c r="C6" s="16"/>
      <c r="D6" s="17">
        <v>9235158</v>
      </c>
      <c r="E6" s="17">
        <v>4582944</v>
      </c>
      <c r="F6" s="17">
        <v>4652214</v>
      </c>
      <c r="G6" s="17">
        <v>4266919</v>
      </c>
      <c r="H6" s="17">
        <v>9233647</v>
      </c>
      <c r="I6" s="17">
        <v>4581813</v>
      </c>
      <c r="J6" s="17">
        <v>4651834</v>
      </c>
      <c r="K6" s="156">
        <v>4267311</v>
      </c>
    </row>
    <row r="7" spans="1:22" s="29" customFormat="1" ht="9.75" customHeight="1">
      <c r="A7" s="248" t="s">
        <v>97</v>
      </c>
      <c r="B7" s="249"/>
      <c r="C7" s="32"/>
      <c r="D7" s="146">
        <v>8947794</v>
      </c>
      <c r="E7" s="146">
        <v>4441609</v>
      </c>
      <c r="F7" s="146">
        <v>4506185</v>
      </c>
      <c r="G7" s="146">
        <v>4145129</v>
      </c>
      <c r="H7" s="146">
        <v>8946365</v>
      </c>
      <c r="I7" s="146">
        <v>4440496</v>
      </c>
      <c r="J7" s="146">
        <v>4505869</v>
      </c>
      <c r="K7" s="157">
        <v>4145513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287364</v>
      </c>
      <c r="E8" s="146">
        <v>141335</v>
      </c>
      <c r="F8" s="146">
        <v>146029</v>
      </c>
      <c r="G8" s="146">
        <v>121790</v>
      </c>
      <c r="H8" s="146">
        <v>287282</v>
      </c>
      <c r="I8" s="146">
        <v>141317</v>
      </c>
      <c r="J8" s="146">
        <v>145965</v>
      </c>
      <c r="K8" s="157">
        <v>121798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3774936</v>
      </c>
      <c r="E10" s="152">
        <v>1864213</v>
      </c>
      <c r="F10" s="152">
        <v>1910723</v>
      </c>
      <c r="G10" s="152">
        <v>1767654</v>
      </c>
      <c r="H10" s="152">
        <v>3773982</v>
      </c>
      <c r="I10" s="152">
        <v>1863530</v>
      </c>
      <c r="J10" s="152">
        <v>1910452</v>
      </c>
      <c r="K10" s="159">
        <v>1767422</v>
      </c>
    </row>
    <row r="11" spans="1:22" ht="9.75" customHeight="1">
      <c r="A11" s="37"/>
      <c r="B11" s="82" t="s">
        <v>100</v>
      </c>
      <c r="C11" s="39"/>
      <c r="D11" s="149">
        <v>296166</v>
      </c>
      <c r="E11" s="149">
        <v>152686</v>
      </c>
      <c r="F11" s="149">
        <v>143480</v>
      </c>
      <c r="G11" s="149">
        <v>145922</v>
      </c>
      <c r="H11" s="149">
        <v>295940</v>
      </c>
      <c r="I11" s="149">
        <v>152520</v>
      </c>
      <c r="J11" s="149">
        <v>143420</v>
      </c>
      <c r="K11" s="158">
        <v>145761</v>
      </c>
    </row>
    <row r="12" spans="1:22" ht="9.75" customHeight="1">
      <c r="A12" s="37"/>
      <c r="B12" s="82" t="s">
        <v>101</v>
      </c>
      <c r="C12" s="39"/>
      <c r="D12" s="149">
        <v>247588</v>
      </c>
      <c r="E12" s="149">
        <v>126241</v>
      </c>
      <c r="F12" s="149">
        <v>121347</v>
      </c>
      <c r="G12" s="149">
        <v>130520</v>
      </c>
      <c r="H12" s="149">
        <v>247572</v>
      </c>
      <c r="I12" s="149">
        <v>126224</v>
      </c>
      <c r="J12" s="149">
        <v>121348</v>
      </c>
      <c r="K12" s="158">
        <v>130479</v>
      </c>
    </row>
    <row r="13" spans="1:22" ht="9.75" customHeight="1">
      <c r="A13" s="37"/>
      <c r="B13" s="82" t="s">
        <v>102</v>
      </c>
      <c r="C13" s="39"/>
      <c r="D13" s="149">
        <v>104720</v>
      </c>
      <c r="E13" s="149">
        <v>52923</v>
      </c>
      <c r="F13" s="149">
        <v>51797</v>
      </c>
      <c r="G13" s="149">
        <v>57355</v>
      </c>
      <c r="H13" s="149">
        <v>104604</v>
      </c>
      <c r="I13" s="149">
        <v>52854</v>
      </c>
      <c r="J13" s="149">
        <v>51750</v>
      </c>
      <c r="K13" s="158">
        <v>57297</v>
      </c>
    </row>
    <row r="14" spans="1:22" ht="9.75" customHeight="1">
      <c r="A14" s="37"/>
      <c r="B14" s="82" t="s">
        <v>103</v>
      </c>
      <c r="C14" s="39"/>
      <c r="D14" s="149">
        <v>150551</v>
      </c>
      <c r="E14" s="149">
        <v>76627</v>
      </c>
      <c r="F14" s="149">
        <v>73924</v>
      </c>
      <c r="G14" s="149">
        <v>85095</v>
      </c>
      <c r="H14" s="149">
        <v>150567</v>
      </c>
      <c r="I14" s="149">
        <v>76650</v>
      </c>
      <c r="J14" s="149">
        <v>73917</v>
      </c>
      <c r="K14" s="158">
        <v>85101</v>
      </c>
    </row>
    <row r="15" spans="1:22" ht="9.75" customHeight="1">
      <c r="A15" s="37"/>
      <c r="B15" s="82" t="s">
        <v>104</v>
      </c>
      <c r="C15" s="39"/>
      <c r="D15" s="149">
        <v>197745</v>
      </c>
      <c r="E15" s="149">
        <v>98674</v>
      </c>
      <c r="F15" s="149">
        <v>99071</v>
      </c>
      <c r="G15" s="149">
        <v>104616</v>
      </c>
      <c r="H15" s="149">
        <v>197596</v>
      </c>
      <c r="I15" s="149">
        <v>98622</v>
      </c>
      <c r="J15" s="149">
        <v>98974</v>
      </c>
      <c r="K15" s="158">
        <v>104535</v>
      </c>
    </row>
    <row r="16" spans="1:22" ht="9.75" customHeight="1">
      <c r="A16" s="37"/>
      <c r="B16" s="82" t="s">
        <v>105</v>
      </c>
      <c r="C16" s="39"/>
      <c r="D16" s="149">
        <v>215359</v>
      </c>
      <c r="E16" s="149">
        <v>104988</v>
      </c>
      <c r="F16" s="149">
        <v>110371</v>
      </c>
      <c r="G16" s="149">
        <v>96569</v>
      </c>
      <c r="H16" s="149">
        <v>215244</v>
      </c>
      <c r="I16" s="149">
        <v>104920</v>
      </c>
      <c r="J16" s="149">
        <v>110324</v>
      </c>
      <c r="K16" s="158">
        <v>96569</v>
      </c>
    </row>
    <row r="17" spans="1:11" ht="9.75" customHeight="1">
      <c r="A17" s="37"/>
      <c r="B17" s="82" t="s">
        <v>106</v>
      </c>
      <c r="C17" s="39"/>
      <c r="D17" s="149">
        <v>207107</v>
      </c>
      <c r="E17" s="149">
        <v>101476</v>
      </c>
      <c r="F17" s="149">
        <v>105631</v>
      </c>
      <c r="G17" s="149">
        <v>99779</v>
      </c>
      <c r="H17" s="149">
        <v>206963</v>
      </c>
      <c r="I17" s="149">
        <v>101391</v>
      </c>
      <c r="J17" s="149">
        <v>105572</v>
      </c>
      <c r="K17" s="158">
        <v>99744</v>
      </c>
    </row>
    <row r="18" spans="1:11" ht="9.75" customHeight="1">
      <c r="A18" s="37"/>
      <c r="B18" s="82" t="s">
        <v>107</v>
      </c>
      <c r="C18" s="39"/>
      <c r="D18" s="149">
        <v>243438</v>
      </c>
      <c r="E18" s="149">
        <v>117430</v>
      </c>
      <c r="F18" s="149">
        <v>126008</v>
      </c>
      <c r="G18" s="149">
        <v>107231</v>
      </c>
      <c r="H18" s="149">
        <v>243403</v>
      </c>
      <c r="I18" s="149">
        <v>117418</v>
      </c>
      <c r="J18" s="149">
        <v>125985</v>
      </c>
      <c r="K18" s="158">
        <v>107257</v>
      </c>
    </row>
    <row r="19" spans="1:11" ht="9.75" customHeight="1">
      <c r="A19" s="37"/>
      <c r="B19" s="82" t="s">
        <v>108</v>
      </c>
      <c r="C19" s="39"/>
      <c r="D19" s="149">
        <v>166415</v>
      </c>
      <c r="E19" s="149">
        <v>81819</v>
      </c>
      <c r="F19" s="149">
        <v>84596</v>
      </c>
      <c r="G19" s="149">
        <v>79216</v>
      </c>
      <c r="H19" s="149">
        <v>166373</v>
      </c>
      <c r="I19" s="149">
        <v>81801</v>
      </c>
      <c r="J19" s="149">
        <v>84572</v>
      </c>
      <c r="K19" s="158">
        <v>79178</v>
      </c>
    </row>
    <row r="20" spans="1:11" ht="9.75" customHeight="1">
      <c r="A20" s="37"/>
      <c r="B20" s="82" t="s">
        <v>109</v>
      </c>
      <c r="C20" s="39"/>
      <c r="D20" s="149">
        <v>197762</v>
      </c>
      <c r="E20" s="149">
        <v>96178</v>
      </c>
      <c r="F20" s="149">
        <v>101584</v>
      </c>
      <c r="G20" s="149">
        <v>90368</v>
      </c>
      <c r="H20" s="149">
        <v>197796</v>
      </c>
      <c r="I20" s="149">
        <v>96181</v>
      </c>
      <c r="J20" s="149">
        <v>101615</v>
      </c>
      <c r="K20" s="158">
        <v>90459</v>
      </c>
    </row>
    <row r="21" spans="1:11" ht="9.75" customHeight="1">
      <c r="A21" s="37"/>
      <c r="B21" s="82" t="s">
        <v>110</v>
      </c>
      <c r="C21" s="39"/>
      <c r="D21" s="149">
        <v>359745</v>
      </c>
      <c r="E21" s="149">
        <v>179459</v>
      </c>
      <c r="F21" s="149">
        <v>180286</v>
      </c>
      <c r="G21" s="149">
        <v>177102</v>
      </c>
      <c r="H21" s="149">
        <v>359753</v>
      </c>
      <c r="I21" s="149">
        <v>179483</v>
      </c>
      <c r="J21" s="149">
        <v>180270</v>
      </c>
      <c r="K21" s="158">
        <v>177090</v>
      </c>
    </row>
    <row r="22" spans="1:11" ht="9.75" customHeight="1">
      <c r="A22" s="37"/>
      <c r="B22" s="82" t="s">
        <v>111</v>
      </c>
      <c r="C22" s="39"/>
      <c r="D22" s="149">
        <v>183255</v>
      </c>
      <c r="E22" s="149">
        <v>90100</v>
      </c>
      <c r="F22" s="149">
        <v>93155</v>
      </c>
      <c r="G22" s="149">
        <v>80288</v>
      </c>
      <c r="H22" s="149">
        <v>183249</v>
      </c>
      <c r="I22" s="149">
        <v>90071</v>
      </c>
      <c r="J22" s="149">
        <v>93178</v>
      </c>
      <c r="K22" s="158">
        <v>80277</v>
      </c>
    </row>
    <row r="23" spans="1:11" ht="9.75" customHeight="1">
      <c r="A23" s="37"/>
      <c r="B23" s="82" t="s">
        <v>112</v>
      </c>
      <c r="C23" s="39"/>
      <c r="D23" s="149">
        <v>311130</v>
      </c>
      <c r="E23" s="149">
        <v>150178</v>
      </c>
      <c r="F23" s="149">
        <v>160952</v>
      </c>
      <c r="G23" s="149">
        <v>134192</v>
      </c>
      <c r="H23" s="149">
        <v>311146</v>
      </c>
      <c r="I23" s="149">
        <v>150118</v>
      </c>
      <c r="J23" s="149">
        <v>161028</v>
      </c>
      <c r="K23" s="158">
        <v>134217</v>
      </c>
    </row>
    <row r="24" spans="1:11" ht="9.75" customHeight="1">
      <c r="A24" s="37"/>
      <c r="B24" s="82" t="s">
        <v>113</v>
      </c>
      <c r="C24" s="39"/>
      <c r="D24" s="149">
        <v>214899</v>
      </c>
      <c r="E24" s="149">
        <v>105284</v>
      </c>
      <c r="F24" s="149">
        <v>109615</v>
      </c>
      <c r="G24" s="149">
        <v>86256</v>
      </c>
      <c r="H24" s="149">
        <v>214880</v>
      </c>
      <c r="I24" s="149">
        <v>105282</v>
      </c>
      <c r="J24" s="149">
        <v>109598</v>
      </c>
      <c r="K24" s="158">
        <v>86286</v>
      </c>
    </row>
    <row r="25" spans="1:11" ht="9.75" customHeight="1">
      <c r="A25" s="37"/>
      <c r="B25" s="82" t="s">
        <v>114</v>
      </c>
      <c r="C25" s="39"/>
      <c r="D25" s="149">
        <v>284207</v>
      </c>
      <c r="E25" s="149">
        <v>138551</v>
      </c>
      <c r="F25" s="149">
        <v>145656</v>
      </c>
      <c r="G25" s="149">
        <v>123413</v>
      </c>
      <c r="H25" s="149">
        <v>284210</v>
      </c>
      <c r="I25" s="149">
        <v>138501</v>
      </c>
      <c r="J25" s="149">
        <v>145709</v>
      </c>
      <c r="K25" s="158">
        <v>123411</v>
      </c>
    </row>
    <row r="26" spans="1:11" ht="9.75" customHeight="1">
      <c r="A26" s="37"/>
      <c r="B26" s="82" t="s">
        <v>115</v>
      </c>
      <c r="C26" s="39"/>
      <c r="D26" s="149">
        <v>120571</v>
      </c>
      <c r="E26" s="149">
        <v>58784</v>
      </c>
      <c r="F26" s="149">
        <v>61787</v>
      </c>
      <c r="G26" s="149">
        <v>53354</v>
      </c>
      <c r="H26" s="149">
        <v>120523</v>
      </c>
      <c r="I26" s="149">
        <v>58743</v>
      </c>
      <c r="J26" s="149">
        <v>61780</v>
      </c>
      <c r="K26" s="158">
        <v>53331</v>
      </c>
    </row>
    <row r="27" spans="1:11" ht="9.75" customHeight="1">
      <c r="A27" s="37"/>
      <c r="B27" s="82" t="s">
        <v>116</v>
      </c>
      <c r="C27" s="39"/>
      <c r="D27" s="149">
        <v>152145</v>
      </c>
      <c r="E27" s="149">
        <v>73769</v>
      </c>
      <c r="F27" s="149">
        <v>78376</v>
      </c>
      <c r="G27" s="149">
        <v>63423</v>
      </c>
      <c r="H27" s="149">
        <v>152107</v>
      </c>
      <c r="I27" s="149">
        <v>73731</v>
      </c>
      <c r="J27" s="149">
        <v>78376</v>
      </c>
      <c r="K27" s="158">
        <v>63477</v>
      </c>
    </row>
    <row r="28" spans="1:11" ht="9.75" customHeight="1">
      <c r="A28" s="37"/>
      <c r="B28" s="82" t="s">
        <v>117</v>
      </c>
      <c r="C28" s="39"/>
      <c r="D28" s="149">
        <v>122133</v>
      </c>
      <c r="E28" s="149">
        <v>59046</v>
      </c>
      <c r="F28" s="149">
        <v>63087</v>
      </c>
      <c r="G28" s="149">
        <v>52955</v>
      </c>
      <c r="H28" s="149">
        <v>122056</v>
      </c>
      <c r="I28" s="149">
        <v>59020</v>
      </c>
      <c r="J28" s="149">
        <v>63036</v>
      </c>
      <c r="K28" s="158">
        <v>52953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539745</v>
      </c>
      <c r="E30" s="152">
        <v>775632</v>
      </c>
      <c r="F30" s="152">
        <v>764113</v>
      </c>
      <c r="G30" s="152">
        <v>755118</v>
      </c>
      <c r="H30" s="152">
        <v>1539352</v>
      </c>
      <c r="I30" s="152">
        <v>775377</v>
      </c>
      <c r="J30" s="152">
        <v>763975</v>
      </c>
      <c r="K30" s="159">
        <v>754943</v>
      </c>
    </row>
    <row r="31" spans="1:11" ht="9.75" customHeight="1">
      <c r="A31" s="37"/>
      <c r="B31" s="82" t="s">
        <v>119</v>
      </c>
      <c r="C31" s="39"/>
      <c r="D31" s="149">
        <v>231085</v>
      </c>
      <c r="E31" s="149">
        <v>124119</v>
      </c>
      <c r="F31" s="149">
        <v>106966</v>
      </c>
      <c r="G31" s="149">
        <v>123576</v>
      </c>
      <c r="H31" s="149">
        <v>230901</v>
      </c>
      <c r="I31" s="149">
        <v>124020</v>
      </c>
      <c r="J31" s="149">
        <v>106881</v>
      </c>
      <c r="K31" s="158">
        <v>123467</v>
      </c>
    </row>
    <row r="32" spans="1:11" ht="9.75" customHeight="1">
      <c r="A32" s="37"/>
      <c r="B32" s="82" t="s">
        <v>120</v>
      </c>
      <c r="C32" s="39"/>
      <c r="D32" s="149">
        <v>170651</v>
      </c>
      <c r="E32" s="149">
        <v>86294</v>
      </c>
      <c r="F32" s="149">
        <v>84357</v>
      </c>
      <c r="G32" s="149">
        <v>80322</v>
      </c>
      <c r="H32" s="149">
        <v>170706</v>
      </c>
      <c r="I32" s="149">
        <v>86288</v>
      </c>
      <c r="J32" s="149">
        <v>84418</v>
      </c>
      <c r="K32" s="158">
        <v>80329</v>
      </c>
    </row>
    <row r="33" spans="1:11" ht="9.75" customHeight="1">
      <c r="A33" s="37"/>
      <c r="B33" s="82" t="s">
        <v>121</v>
      </c>
      <c r="C33" s="39"/>
      <c r="D33" s="149">
        <v>264506</v>
      </c>
      <c r="E33" s="149">
        <v>133987</v>
      </c>
      <c r="F33" s="149">
        <v>130519</v>
      </c>
      <c r="G33" s="149">
        <v>136243</v>
      </c>
      <c r="H33" s="149">
        <v>264410</v>
      </c>
      <c r="I33" s="149">
        <v>133934</v>
      </c>
      <c r="J33" s="149">
        <v>130476</v>
      </c>
      <c r="K33" s="158">
        <v>136113</v>
      </c>
    </row>
    <row r="34" spans="1:11" ht="9.75" customHeight="1">
      <c r="A34" s="37"/>
      <c r="B34" s="82" t="s">
        <v>122</v>
      </c>
      <c r="C34" s="39"/>
      <c r="D34" s="149">
        <v>234720</v>
      </c>
      <c r="E34" s="149">
        <v>116453</v>
      </c>
      <c r="F34" s="149">
        <v>118267</v>
      </c>
      <c r="G34" s="149">
        <v>115008</v>
      </c>
      <c r="H34" s="149">
        <v>234667</v>
      </c>
      <c r="I34" s="149">
        <v>116405</v>
      </c>
      <c r="J34" s="149">
        <v>118262</v>
      </c>
      <c r="K34" s="158">
        <v>115031</v>
      </c>
    </row>
    <row r="35" spans="1:11" ht="9.75" customHeight="1">
      <c r="A35" s="37"/>
      <c r="B35" s="82" t="s">
        <v>123</v>
      </c>
      <c r="C35" s="39"/>
      <c r="D35" s="149">
        <v>234446</v>
      </c>
      <c r="E35" s="149">
        <v>113665</v>
      </c>
      <c r="F35" s="149">
        <v>120781</v>
      </c>
      <c r="G35" s="149">
        <v>103710</v>
      </c>
      <c r="H35" s="149">
        <v>234465</v>
      </c>
      <c r="I35" s="149">
        <v>113678</v>
      </c>
      <c r="J35" s="149">
        <v>120787</v>
      </c>
      <c r="K35" s="158">
        <v>103751</v>
      </c>
    </row>
    <row r="36" spans="1:11" ht="9.75" customHeight="1">
      <c r="A36" s="37"/>
      <c r="B36" s="82" t="s">
        <v>124</v>
      </c>
      <c r="C36" s="39"/>
      <c r="D36" s="149">
        <v>223409</v>
      </c>
      <c r="E36" s="149">
        <v>113789</v>
      </c>
      <c r="F36" s="149">
        <v>109620</v>
      </c>
      <c r="G36" s="149">
        <v>115929</v>
      </c>
      <c r="H36" s="149">
        <v>223372</v>
      </c>
      <c r="I36" s="149">
        <v>113755</v>
      </c>
      <c r="J36" s="149">
        <v>109617</v>
      </c>
      <c r="K36" s="158">
        <v>115928</v>
      </c>
    </row>
    <row r="37" spans="1:11" ht="9.75" customHeight="1">
      <c r="A37" s="37"/>
      <c r="B37" s="82" t="s">
        <v>125</v>
      </c>
      <c r="C37" s="39"/>
      <c r="D37" s="149">
        <v>180928</v>
      </c>
      <c r="E37" s="149">
        <v>87325</v>
      </c>
      <c r="F37" s="149">
        <v>93603</v>
      </c>
      <c r="G37" s="149">
        <v>80330</v>
      </c>
      <c r="H37" s="149">
        <v>180831</v>
      </c>
      <c r="I37" s="149">
        <v>87297</v>
      </c>
      <c r="J37" s="149">
        <v>93534</v>
      </c>
      <c r="K37" s="158">
        <v>80324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725930</v>
      </c>
      <c r="E39" s="152">
        <v>361906</v>
      </c>
      <c r="F39" s="152">
        <v>364024</v>
      </c>
      <c r="G39" s="152">
        <v>337342</v>
      </c>
      <c r="H39" s="152">
        <v>725854</v>
      </c>
      <c r="I39" s="152">
        <v>361829</v>
      </c>
      <c r="J39" s="152">
        <v>364025</v>
      </c>
      <c r="K39" s="159">
        <v>337487</v>
      </c>
    </row>
    <row r="40" spans="1:11" ht="9.75" customHeight="1">
      <c r="A40" s="37"/>
      <c r="B40" s="82" t="s">
        <v>111</v>
      </c>
      <c r="C40" s="39"/>
      <c r="D40" s="149">
        <v>169645</v>
      </c>
      <c r="E40" s="149">
        <v>85200</v>
      </c>
      <c r="F40" s="149">
        <v>84445</v>
      </c>
      <c r="G40" s="149">
        <v>75805</v>
      </c>
      <c r="H40" s="149">
        <v>169549</v>
      </c>
      <c r="I40" s="149">
        <v>85155</v>
      </c>
      <c r="J40" s="149">
        <v>84394</v>
      </c>
      <c r="K40" s="158">
        <v>75837</v>
      </c>
    </row>
    <row r="41" spans="1:11" ht="9.75" customHeight="1">
      <c r="A41" s="37"/>
      <c r="B41" s="82" t="s">
        <v>127</v>
      </c>
      <c r="C41" s="39"/>
      <c r="D41" s="149">
        <v>273959</v>
      </c>
      <c r="E41" s="149">
        <v>136981</v>
      </c>
      <c r="F41" s="149">
        <v>136978</v>
      </c>
      <c r="G41" s="149">
        <v>126581</v>
      </c>
      <c r="H41" s="149">
        <v>273937</v>
      </c>
      <c r="I41" s="149">
        <v>136930</v>
      </c>
      <c r="J41" s="149">
        <v>137007</v>
      </c>
      <c r="K41" s="158">
        <v>126625</v>
      </c>
    </row>
    <row r="42" spans="1:11" ht="9.75" customHeight="1">
      <c r="A42" s="37"/>
      <c r="B42" s="82" t="s">
        <v>104</v>
      </c>
      <c r="C42" s="39"/>
      <c r="D42" s="149">
        <v>282326</v>
      </c>
      <c r="E42" s="149">
        <v>139725</v>
      </c>
      <c r="F42" s="149">
        <v>142601</v>
      </c>
      <c r="G42" s="149">
        <v>134956</v>
      </c>
      <c r="H42" s="149">
        <v>282368</v>
      </c>
      <c r="I42" s="149">
        <v>139744</v>
      </c>
      <c r="J42" s="149">
        <v>142624</v>
      </c>
      <c r="K42" s="158">
        <v>135025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384189</v>
      </c>
      <c r="E44" s="149">
        <v>191532</v>
      </c>
      <c r="F44" s="149">
        <v>192657</v>
      </c>
      <c r="G44" s="149">
        <v>165899</v>
      </c>
      <c r="H44" s="149">
        <v>383702</v>
      </c>
      <c r="I44" s="149">
        <v>191266</v>
      </c>
      <c r="J44" s="149">
        <v>192436</v>
      </c>
      <c r="K44" s="158">
        <v>165799</v>
      </c>
    </row>
    <row r="45" spans="1:11" ht="9.75" customHeight="1">
      <c r="A45" s="244" t="s">
        <v>129</v>
      </c>
      <c r="B45" s="245"/>
      <c r="C45" s="39"/>
      <c r="D45" s="149">
        <v>257775</v>
      </c>
      <c r="E45" s="149">
        <v>128677</v>
      </c>
      <c r="F45" s="149">
        <v>129098</v>
      </c>
      <c r="G45" s="149">
        <v>113393</v>
      </c>
      <c r="H45" s="149">
        <v>257689</v>
      </c>
      <c r="I45" s="149">
        <v>128621</v>
      </c>
      <c r="J45" s="149">
        <v>129068</v>
      </c>
      <c r="K45" s="158">
        <v>113412</v>
      </c>
    </row>
    <row r="46" spans="1:11" ht="9.75" customHeight="1">
      <c r="A46" s="244" t="s">
        <v>130</v>
      </c>
      <c r="B46" s="245"/>
      <c r="C46" s="39"/>
      <c r="D46" s="149">
        <v>172666</v>
      </c>
      <c r="E46" s="149">
        <v>81056</v>
      </c>
      <c r="F46" s="149">
        <v>91610</v>
      </c>
      <c r="G46" s="149">
        <v>76402</v>
      </c>
      <c r="H46" s="149">
        <v>172683</v>
      </c>
      <c r="I46" s="149">
        <v>81070</v>
      </c>
      <c r="J46" s="149">
        <v>91613</v>
      </c>
      <c r="K46" s="158">
        <v>76423</v>
      </c>
    </row>
    <row r="47" spans="1:11" ht="9.75" customHeight="1">
      <c r="A47" s="244" t="s">
        <v>131</v>
      </c>
      <c r="B47" s="245"/>
      <c r="C47" s="39"/>
      <c r="D47" s="149">
        <v>440801</v>
      </c>
      <c r="E47" s="149">
        <v>217621</v>
      </c>
      <c r="F47" s="149">
        <v>223180</v>
      </c>
      <c r="G47" s="149">
        <v>197208</v>
      </c>
      <c r="H47" s="149">
        <v>441423</v>
      </c>
      <c r="I47" s="149">
        <v>217960</v>
      </c>
      <c r="J47" s="149">
        <v>223463</v>
      </c>
      <c r="K47" s="158">
        <v>197617</v>
      </c>
    </row>
    <row r="48" spans="1:11" ht="9.75" customHeight="1">
      <c r="A48" s="244" t="s">
        <v>132</v>
      </c>
      <c r="B48" s="245"/>
      <c r="C48" s="39"/>
      <c r="D48" s="149">
        <v>188209</v>
      </c>
      <c r="E48" s="149">
        <v>90896</v>
      </c>
      <c r="F48" s="149">
        <v>97313</v>
      </c>
      <c r="G48" s="149">
        <v>82927</v>
      </c>
      <c r="H48" s="149">
        <v>188074</v>
      </c>
      <c r="I48" s="149">
        <v>90840</v>
      </c>
      <c r="J48" s="149">
        <v>97234</v>
      </c>
      <c r="K48" s="158">
        <v>82928</v>
      </c>
    </row>
    <row r="49" spans="1:11" ht="9.75" customHeight="1">
      <c r="A49" s="244" t="s">
        <v>133</v>
      </c>
      <c r="B49" s="245"/>
      <c r="C49" s="39"/>
      <c r="D49" s="149">
        <v>243567</v>
      </c>
      <c r="E49" s="149">
        <v>118043</v>
      </c>
      <c r="F49" s="149">
        <v>125524</v>
      </c>
      <c r="G49" s="149">
        <v>104285</v>
      </c>
      <c r="H49" s="149">
        <v>243685</v>
      </c>
      <c r="I49" s="149">
        <v>118081</v>
      </c>
      <c r="J49" s="149">
        <v>125604</v>
      </c>
      <c r="K49" s="158">
        <v>104424</v>
      </c>
    </row>
    <row r="50" spans="1:11" ht="9.75" customHeight="1">
      <c r="A50" s="244" t="s">
        <v>134</v>
      </c>
      <c r="B50" s="245"/>
      <c r="C50" s="39"/>
      <c r="D50" s="149">
        <v>56965</v>
      </c>
      <c r="E50" s="149">
        <v>26702</v>
      </c>
      <c r="F50" s="149">
        <v>30263</v>
      </c>
      <c r="G50" s="149">
        <v>25118</v>
      </c>
      <c r="H50" s="149">
        <v>56909</v>
      </c>
      <c r="I50" s="149">
        <v>26665</v>
      </c>
      <c r="J50" s="149">
        <v>30244</v>
      </c>
      <c r="K50" s="158">
        <v>25107</v>
      </c>
    </row>
    <row r="51" spans="1:11" ht="9.75" customHeight="1">
      <c r="A51" s="244" t="s">
        <v>135</v>
      </c>
      <c r="B51" s="245"/>
      <c r="C51" s="39"/>
      <c r="D51" s="149">
        <v>41414</v>
      </c>
      <c r="E51" s="149">
        <v>19809</v>
      </c>
      <c r="F51" s="149">
        <v>21605</v>
      </c>
      <c r="G51" s="149">
        <v>17163</v>
      </c>
      <c r="H51" s="149">
        <v>41402</v>
      </c>
      <c r="I51" s="149">
        <v>19824</v>
      </c>
      <c r="J51" s="149">
        <v>21578</v>
      </c>
      <c r="K51" s="158">
        <v>17172</v>
      </c>
    </row>
    <row r="52" spans="1:11" ht="9.75" customHeight="1">
      <c r="A52" s="244" t="s">
        <v>136</v>
      </c>
      <c r="B52" s="245"/>
      <c r="C52" s="39"/>
      <c r="D52" s="149">
        <v>161975</v>
      </c>
      <c r="E52" s="149">
        <v>81859</v>
      </c>
      <c r="F52" s="149">
        <v>80116</v>
      </c>
      <c r="G52" s="149">
        <v>71071</v>
      </c>
      <c r="H52" s="149">
        <v>161954</v>
      </c>
      <c r="I52" s="149">
        <v>81840</v>
      </c>
      <c r="J52" s="149">
        <v>80114</v>
      </c>
      <c r="K52" s="158">
        <v>71118</v>
      </c>
    </row>
    <row r="53" spans="1:11" ht="9.75" customHeight="1">
      <c r="A53" s="244" t="s">
        <v>137</v>
      </c>
      <c r="B53" s="245"/>
      <c r="C53" s="39"/>
      <c r="D53" s="149">
        <v>223811</v>
      </c>
      <c r="E53" s="149">
        <v>115342</v>
      </c>
      <c r="F53" s="149">
        <v>108469</v>
      </c>
      <c r="G53" s="149">
        <v>101823</v>
      </c>
      <c r="H53" s="149">
        <v>223724</v>
      </c>
      <c r="I53" s="149">
        <v>115278</v>
      </c>
      <c r="J53" s="149">
        <v>108446</v>
      </c>
      <c r="K53" s="158">
        <v>101811</v>
      </c>
    </row>
    <row r="54" spans="1:11" ht="9.75" customHeight="1">
      <c r="A54" s="244" t="s">
        <v>138</v>
      </c>
      <c r="B54" s="245"/>
      <c r="C54" s="39"/>
      <c r="D54" s="149">
        <v>241323</v>
      </c>
      <c r="E54" s="149">
        <v>120331</v>
      </c>
      <c r="F54" s="149">
        <v>120992</v>
      </c>
      <c r="G54" s="149">
        <v>112727</v>
      </c>
      <c r="H54" s="149">
        <v>241400</v>
      </c>
      <c r="I54" s="149">
        <v>120320</v>
      </c>
      <c r="J54" s="149">
        <v>121080</v>
      </c>
      <c r="K54" s="158">
        <v>112771</v>
      </c>
    </row>
    <row r="55" spans="1:11" ht="9.75" customHeight="1">
      <c r="A55" s="244" t="s">
        <v>139</v>
      </c>
      <c r="B55" s="245"/>
      <c r="C55" s="39"/>
      <c r="D55" s="149">
        <v>101275</v>
      </c>
      <c r="E55" s="149">
        <v>51220</v>
      </c>
      <c r="F55" s="149">
        <v>50055</v>
      </c>
      <c r="G55" s="149">
        <v>45648</v>
      </c>
      <c r="H55" s="149">
        <v>101199</v>
      </c>
      <c r="I55" s="149">
        <v>51172</v>
      </c>
      <c r="J55" s="149">
        <v>50027</v>
      </c>
      <c r="K55" s="158">
        <v>45605</v>
      </c>
    </row>
    <row r="56" spans="1:11" ht="9.75" customHeight="1">
      <c r="A56" s="244" t="s">
        <v>140</v>
      </c>
      <c r="B56" s="245"/>
      <c r="C56" s="39"/>
      <c r="D56" s="149">
        <v>137309</v>
      </c>
      <c r="E56" s="149">
        <v>69018</v>
      </c>
      <c r="F56" s="149">
        <v>68291</v>
      </c>
      <c r="G56" s="149">
        <v>59352</v>
      </c>
      <c r="H56" s="149">
        <v>137443</v>
      </c>
      <c r="I56" s="149">
        <v>69070</v>
      </c>
      <c r="J56" s="149">
        <v>68373</v>
      </c>
      <c r="K56" s="158">
        <v>59440</v>
      </c>
    </row>
    <row r="57" spans="1:11" ht="9.75" customHeight="1">
      <c r="A57" s="244" t="s">
        <v>141</v>
      </c>
      <c r="B57" s="245"/>
      <c r="C57" s="39"/>
      <c r="D57" s="149">
        <v>132251</v>
      </c>
      <c r="E57" s="149">
        <v>65807</v>
      </c>
      <c r="F57" s="149">
        <v>66444</v>
      </c>
      <c r="G57" s="149">
        <v>60730</v>
      </c>
      <c r="H57" s="149">
        <v>132202</v>
      </c>
      <c r="I57" s="149">
        <v>65799</v>
      </c>
      <c r="J57" s="149">
        <v>66403</v>
      </c>
      <c r="K57" s="158">
        <v>60720</v>
      </c>
    </row>
    <row r="58" spans="1:11" ht="9.75" customHeight="1">
      <c r="A58" s="244" t="s">
        <v>142</v>
      </c>
      <c r="B58" s="245"/>
      <c r="C58" s="39"/>
      <c r="D58" s="149">
        <v>40364</v>
      </c>
      <c r="E58" s="149">
        <v>19754</v>
      </c>
      <c r="F58" s="149">
        <v>20610</v>
      </c>
      <c r="G58" s="149">
        <v>16338</v>
      </c>
      <c r="H58" s="149">
        <v>40369</v>
      </c>
      <c r="I58" s="149">
        <v>19757</v>
      </c>
      <c r="J58" s="149">
        <v>20612</v>
      </c>
      <c r="K58" s="158">
        <v>16347</v>
      </c>
    </row>
    <row r="59" spans="1:11" ht="9.75" customHeight="1">
      <c r="A59" s="244" t="s">
        <v>143</v>
      </c>
      <c r="B59" s="245"/>
      <c r="C59" s="39"/>
      <c r="D59" s="149">
        <v>83289</v>
      </c>
      <c r="E59" s="149">
        <v>42191</v>
      </c>
      <c r="F59" s="149">
        <v>41098</v>
      </c>
      <c r="G59" s="149">
        <v>34931</v>
      </c>
      <c r="H59" s="149">
        <v>83319</v>
      </c>
      <c r="I59" s="149">
        <v>42197</v>
      </c>
      <c r="J59" s="149">
        <v>41122</v>
      </c>
      <c r="K59" s="158">
        <v>34967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9">
        <v>31652</v>
      </c>
      <c r="E61" s="149">
        <v>14877</v>
      </c>
      <c r="F61" s="149">
        <v>16775</v>
      </c>
      <c r="G61" s="149">
        <v>13099</v>
      </c>
      <c r="H61" s="149">
        <v>31656</v>
      </c>
      <c r="I61" s="149">
        <v>14880</v>
      </c>
      <c r="J61" s="149">
        <v>16776</v>
      </c>
      <c r="K61" s="158">
        <v>13102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9">
        <v>48550</v>
      </c>
      <c r="E63" s="149">
        <v>24582</v>
      </c>
      <c r="F63" s="149">
        <v>23968</v>
      </c>
      <c r="G63" s="149">
        <v>20189</v>
      </c>
      <c r="H63" s="149">
        <v>48550</v>
      </c>
      <c r="I63" s="149">
        <v>24594</v>
      </c>
      <c r="J63" s="149">
        <v>23956</v>
      </c>
      <c r="K63" s="158">
        <v>20192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58836</v>
      </c>
      <c r="E65" s="152">
        <v>28485</v>
      </c>
      <c r="F65" s="152">
        <v>30351</v>
      </c>
      <c r="G65" s="152">
        <v>24379</v>
      </c>
      <c r="H65" s="152">
        <v>58798</v>
      </c>
      <c r="I65" s="152">
        <v>28470</v>
      </c>
      <c r="J65" s="152">
        <v>30328</v>
      </c>
      <c r="K65" s="159">
        <v>24382</v>
      </c>
    </row>
    <row r="66" spans="1:11" ht="9.75" customHeight="1">
      <c r="A66" s="37"/>
      <c r="B66" s="82" t="s">
        <v>147</v>
      </c>
      <c r="C66" s="39"/>
      <c r="D66" s="149">
        <v>31454</v>
      </c>
      <c r="E66" s="149">
        <v>15330</v>
      </c>
      <c r="F66" s="149">
        <v>16124</v>
      </c>
      <c r="G66" s="149">
        <v>12770</v>
      </c>
      <c r="H66" s="149">
        <v>31424</v>
      </c>
      <c r="I66" s="149">
        <v>15312</v>
      </c>
      <c r="J66" s="149">
        <v>16112</v>
      </c>
      <c r="K66" s="158">
        <v>12773</v>
      </c>
    </row>
    <row r="67" spans="1:11" ht="9.75" customHeight="1">
      <c r="A67" s="37"/>
      <c r="B67" s="82" t="s">
        <v>148</v>
      </c>
      <c r="C67" s="39"/>
      <c r="D67" s="149">
        <v>27382</v>
      </c>
      <c r="E67" s="149">
        <v>13155</v>
      </c>
      <c r="F67" s="149">
        <v>14227</v>
      </c>
      <c r="G67" s="149">
        <v>11609</v>
      </c>
      <c r="H67" s="149">
        <v>27374</v>
      </c>
      <c r="I67" s="149">
        <v>13158</v>
      </c>
      <c r="J67" s="149">
        <v>14216</v>
      </c>
      <c r="K67" s="158">
        <v>11609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65039</v>
      </c>
      <c r="E69" s="152">
        <v>32034</v>
      </c>
      <c r="F69" s="152">
        <v>33005</v>
      </c>
      <c r="G69" s="152">
        <v>25807</v>
      </c>
      <c r="H69" s="152">
        <v>65058</v>
      </c>
      <c r="I69" s="152">
        <v>32037</v>
      </c>
      <c r="J69" s="152">
        <v>33021</v>
      </c>
      <c r="K69" s="159">
        <v>25835</v>
      </c>
    </row>
    <row r="70" spans="1:11" ht="9.75" customHeight="1">
      <c r="A70" s="37"/>
      <c r="B70" s="82" t="s">
        <v>150</v>
      </c>
      <c r="C70" s="39"/>
      <c r="D70" s="149">
        <v>9116</v>
      </c>
      <c r="E70" s="149">
        <v>4560</v>
      </c>
      <c r="F70" s="149">
        <v>4556</v>
      </c>
      <c r="G70" s="149">
        <v>3411</v>
      </c>
      <c r="H70" s="149">
        <v>9117</v>
      </c>
      <c r="I70" s="149">
        <v>4562</v>
      </c>
      <c r="J70" s="149">
        <v>4555</v>
      </c>
      <c r="K70" s="158">
        <v>3417</v>
      </c>
    </row>
    <row r="71" spans="1:11" ht="9.75" customHeight="1">
      <c r="A71" s="37"/>
      <c r="B71" s="82" t="s">
        <v>151</v>
      </c>
      <c r="C71" s="39"/>
      <c r="D71" s="149">
        <v>17169</v>
      </c>
      <c r="E71" s="149">
        <v>8430</v>
      </c>
      <c r="F71" s="149">
        <v>8739</v>
      </c>
      <c r="G71" s="149">
        <v>6837</v>
      </c>
      <c r="H71" s="149">
        <v>17199</v>
      </c>
      <c r="I71" s="149">
        <v>8434</v>
      </c>
      <c r="J71" s="149">
        <v>8765</v>
      </c>
      <c r="K71" s="158">
        <v>6847</v>
      </c>
    </row>
    <row r="72" spans="1:11" ht="9.75" customHeight="1">
      <c r="A72" s="37"/>
      <c r="B72" s="82" t="s">
        <v>152</v>
      </c>
      <c r="C72" s="39"/>
      <c r="D72" s="149">
        <v>10613</v>
      </c>
      <c r="E72" s="149">
        <v>5276</v>
      </c>
      <c r="F72" s="149">
        <v>5337</v>
      </c>
      <c r="G72" s="149">
        <v>4536</v>
      </c>
      <c r="H72" s="149">
        <v>10621</v>
      </c>
      <c r="I72" s="149">
        <v>5278</v>
      </c>
      <c r="J72" s="149">
        <v>5343</v>
      </c>
      <c r="K72" s="158">
        <v>4541</v>
      </c>
    </row>
    <row r="73" spans="1:11" ht="9.75" customHeight="1">
      <c r="A73" s="37"/>
      <c r="B73" s="82" t="s">
        <v>153</v>
      </c>
      <c r="C73" s="39"/>
      <c r="D73" s="149">
        <v>9592</v>
      </c>
      <c r="E73" s="149">
        <v>4750</v>
      </c>
      <c r="F73" s="149">
        <v>4842</v>
      </c>
      <c r="G73" s="149">
        <v>3939</v>
      </c>
      <c r="H73" s="149">
        <v>9576</v>
      </c>
      <c r="I73" s="149">
        <v>4745</v>
      </c>
      <c r="J73" s="149">
        <v>4831</v>
      </c>
      <c r="K73" s="158">
        <v>3940</v>
      </c>
    </row>
    <row r="74" spans="1:11" ht="9.75" customHeight="1">
      <c r="A74" s="37"/>
      <c r="B74" s="82" t="s">
        <v>154</v>
      </c>
      <c r="C74" s="39"/>
      <c r="D74" s="149">
        <v>18549</v>
      </c>
      <c r="E74" s="149">
        <v>9018</v>
      </c>
      <c r="F74" s="149">
        <v>9531</v>
      </c>
      <c r="G74" s="149">
        <v>7084</v>
      </c>
      <c r="H74" s="149">
        <v>18545</v>
      </c>
      <c r="I74" s="149">
        <v>9018</v>
      </c>
      <c r="J74" s="149">
        <v>9527</v>
      </c>
      <c r="K74" s="158">
        <v>7090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40769</v>
      </c>
      <c r="E76" s="152">
        <v>19117</v>
      </c>
      <c r="F76" s="152">
        <v>21652</v>
      </c>
      <c r="G76" s="152">
        <v>19979</v>
      </c>
      <c r="H76" s="152">
        <v>40731</v>
      </c>
      <c r="I76" s="152">
        <v>19108</v>
      </c>
      <c r="J76" s="152">
        <v>21623</v>
      </c>
      <c r="K76" s="159">
        <v>19962</v>
      </c>
    </row>
    <row r="77" spans="1:11" ht="9.75" customHeight="1">
      <c r="A77" s="37"/>
      <c r="B77" s="82" t="s">
        <v>156</v>
      </c>
      <c r="C77" s="39"/>
      <c r="D77" s="149">
        <v>11129</v>
      </c>
      <c r="E77" s="149">
        <v>5345</v>
      </c>
      <c r="F77" s="149">
        <v>5784</v>
      </c>
      <c r="G77" s="149">
        <v>6333</v>
      </c>
      <c r="H77" s="149">
        <v>11106</v>
      </c>
      <c r="I77" s="149">
        <v>5348</v>
      </c>
      <c r="J77" s="149">
        <v>5758</v>
      </c>
      <c r="K77" s="158">
        <v>6311</v>
      </c>
    </row>
    <row r="78" spans="1:11" ht="9.75" customHeight="1">
      <c r="A78" s="37"/>
      <c r="B78" s="82" t="s">
        <v>157</v>
      </c>
      <c r="C78" s="39"/>
      <c r="D78" s="149">
        <v>6579</v>
      </c>
      <c r="E78" s="149">
        <v>3052</v>
      </c>
      <c r="F78" s="149">
        <v>3527</v>
      </c>
      <c r="G78" s="149">
        <v>2952</v>
      </c>
      <c r="H78" s="149">
        <v>6572</v>
      </c>
      <c r="I78" s="149">
        <v>3047</v>
      </c>
      <c r="J78" s="149">
        <v>3525</v>
      </c>
      <c r="K78" s="158">
        <v>2954</v>
      </c>
    </row>
    <row r="79" spans="1:11" ht="9.75" customHeight="1">
      <c r="A79" s="37"/>
      <c r="B79" s="82" t="s">
        <v>158</v>
      </c>
      <c r="C79" s="39"/>
      <c r="D79" s="149">
        <v>23061</v>
      </c>
      <c r="E79" s="149">
        <v>10720</v>
      </c>
      <c r="F79" s="149">
        <v>12341</v>
      </c>
      <c r="G79" s="149">
        <v>10694</v>
      </c>
      <c r="H79" s="149">
        <v>23053</v>
      </c>
      <c r="I79" s="149">
        <v>10713</v>
      </c>
      <c r="J79" s="149">
        <v>12340</v>
      </c>
      <c r="K79" s="158">
        <v>10697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42518</v>
      </c>
      <c r="E81" s="152">
        <v>22240</v>
      </c>
      <c r="F81" s="152">
        <v>20278</v>
      </c>
      <c r="G81" s="152">
        <v>18337</v>
      </c>
      <c r="H81" s="152">
        <v>42489</v>
      </c>
      <c r="I81" s="152">
        <v>22228</v>
      </c>
      <c r="J81" s="152">
        <v>20261</v>
      </c>
      <c r="K81" s="159">
        <v>18325</v>
      </c>
    </row>
    <row r="82" spans="1:11" ht="9.75" customHeight="1">
      <c r="A82" s="37"/>
      <c r="B82" s="82" t="s">
        <v>160</v>
      </c>
      <c r="C82" s="39"/>
      <c r="D82" s="149">
        <v>39498</v>
      </c>
      <c r="E82" s="149">
        <v>20704</v>
      </c>
      <c r="F82" s="149">
        <v>18794</v>
      </c>
      <c r="G82" s="149">
        <v>17202</v>
      </c>
      <c r="H82" s="149">
        <v>39478</v>
      </c>
      <c r="I82" s="149">
        <v>20692</v>
      </c>
      <c r="J82" s="149">
        <v>18786</v>
      </c>
      <c r="K82" s="158">
        <v>17193</v>
      </c>
    </row>
    <row r="83" spans="1:11" ht="9.75" customHeight="1">
      <c r="A83" s="37"/>
      <c r="B83" s="82" t="s">
        <v>161</v>
      </c>
      <c r="C83" s="39"/>
      <c r="D83" s="149">
        <v>3020</v>
      </c>
      <c r="E83" s="149">
        <v>1536</v>
      </c>
      <c r="F83" s="149">
        <v>1484</v>
      </c>
      <c r="G83" s="149">
        <v>1135</v>
      </c>
      <c r="H83" s="149">
        <v>3011</v>
      </c>
      <c r="I83" s="149">
        <v>1536</v>
      </c>
      <c r="J83" s="149">
        <v>1475</v>
      </c>
      <c r="K83" s="158">
        <v>1132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9"/>
  <sheetViews>
    <sheetView view="pageBreakPreview" zoomScaleNormal="115" zoomScaleSheetLayoutView="100" workbookViewId="0">
      <selection activeCell="S1" sqref="S1"/>
    </sheetView>
  </sheetViews>
  <sheetFormatPr defaultRowHeight="14.25"/>
  <cols>
    <col min="1" max="1" width="1.75" style="70" customWidth="1"/>
    <col min="2" max="2" width="9.375" style="70" customWidth="1"/>
    <col min="3" max="3" width="1.25" style="70" customWidth="1"/>
    <col min="4" max="15" width="11.25" style="70" customWidth="1"/>
    <col min="16" max="16" width="1.75" style="70" customWidth="1"/>
    <col min="17" max="17" width="9.375" style="70" customWidth="1"/>
    <col min="18" max="18" width="1.25" style="70" customWidth="1"/>
    <col min="19" max="22" width="6.875" style="70" customWidth="1"/>
  </cols>
  <sheetData>
    <row r="1" spans="1:26" ht="37.5" customHeight="1">
      <c r="B1" s="112"/>
      <c r="C1" s="112"/>
      <c r="D1" s="235" t="s">
        <v>191</v>
      </c>
      <c r="E1" s="235"/>
      <c r="F1" s="235"/>
      <c r="G1" s="235"/>
      <c r="H1" s="235"/>
      <c r="I1" s="235"/>
      <c r="J1" s="112"/>
      <c r="K1" s="112"/>
      <c r="L1" s="112"/>
      <c r="M1" s="112"/>
      <c r="N1" s="112"/>
      <c r="O1" s="112"/>
    </row>
    <row r="2" spans="1:26" ht="18.75" customHeight="1">
      <c r="A2" s="112"/>
      <c r="B2" s="112"/>
      <c r="C2" s="112"/>
      <c r="D2" s="112"/>
      <c r="E2" s="112"/>
      <c r="F2" s="112"/>
      <c r="G2" s="112"/>
      <c r="H2" s="112"/>
      <c r="I2" s="112"/>
      <c r="J2" s="112"/>
      <c r="K2" s="112"/>
      <c r="L2" s="112"/>
      <c r="M2" s="112"/>
      <c r="N2" s="112"/>
      <c r="O2" s="112"/>
    </row>
    <row r="3" spans="1:26" ht="18.75" customHeight="1" thickBot="1">
      <c r="A3" s="202" t="s">
        <v>192</v>
      </c>
      <c r="B3" s="202"/>
      <c r="C3" s="202"/>
      <c r="J3" s="236"/>
      <c r="K3" s="236"/>
      <c r="L3" s="236"/>
      <c r="M3" s="236"/>
      <c r="N3" s="236"/>
      <c r="O3" s="236"/>
      <c r="P3" s="237" t="s">
        <v>75</v>
      </c>
      <c r="Q3" s="237"/>
      <c r="R3" s="237"/>
    </row>
    <row r="4" spans="1:26" ht="22.5" customHeight="1">
      <c r="A4" s="238" t="s">
        <v>193</v>
      </c>
      <c r="B4" s="239"/>
      <c r="C4" s="239"/>
      <c r="D4" s="114" t="s">
        <v>77</v>
      </c>
      <c r="E4" s="114" t="s">
        <v>78</v>
      </c>
      <c r="F4" s="114" t="s">
        <v>79</v>
      </c>
      <c r="G4" s="114" t="s">
        <v>80</v>
      </c>
      <c r="H4" s="114" t="s">
        <v>81</v>
      </c>
      <c r="I4" s="115" t="s">
        <v>82</v>
      </c>
      <c r="J4" s="114" t="s">
        <v>83</v>
      </c>
      <c r="K4" s="114" t="s">
        <v>84</v>
      </c>
      <c r="L4" s="114" t="s">
        <v>85</v>
      </c>
      <c r="M4" s="114" t="s">
        <v>86</v>
      </c>
      <c r="N4" s="114" t="s">
        <v>87</v>
      </c>
      <c r="O4" s="115" t="s">
        <v>88</v>
      </c>
      <c r="P4" s="239" t="s">
        <v>193</v>
      </c>
      <c r="Q4" s="239"/>
      <c r="R4" s="241"/>
    </row>
    <row r="5" spans="1:26" ht="15" customHeight="1">
      <c r="A5" s="8"/>
      <c r="B5" s="39"/>
      <c r="C5" s="39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39"/>
      <c r="Q5" s="39"/>
      <c r="R5" s="118"/>
    </row>
    <row r="6" spans="1:26" ht="15" customHeight="1">
      <c r="A6" s="246" t="s">
        <v>96</v>
      </c>
      <c r="B6" s="247"/>
      <c r="C6" s="16"/>
      <c r="D6" s="17">
        <v>9236337</v>
      </c>
      <c r="E6" s="17">
        <v>9231822</v>
      </c>
      <c r="F6" s="17">
        <v>9227745</v>
      </c>
      <c r="G6" s="17">
        <v>9232623</v>
      </c>
      <c r="H6" s="17">
        <v>9243550</v>
      </c>
      <c r="I6" s="17">
        <v>9243355</v>
      </c>
      <c r="J6" s="17">
        <v>9241927</v>
      </c>
      <c r="K6" s="17">
        <v>9239954</v>
      </c>
      <c r="L6" s="17">
        <v>9239650</v>
      </c>
      <c r="M6" s="17">
        <v>9236428</v>
      </c>
      <c r="N6" s="17">
        <v>9235158</v>
      </c>
      <c r="O6" s="17">
        <v>9233647</v>
      </c>
      <c r="P6" s="247" t="s">
        <v>96</v>
      </c>
      <c r="Q6" s="247"/>
      <c r="R6" s="121"/>
    </row>
    <row r="7" spans="1:26" s="29" customFormat="1" ht="15" customHeight="1">
      <c r="A7" s="248" t="s">
        <v>194</v>
      </c>
      <c r="B7" s="249"/>
      <c r="C7" s="32"/>
      <c r="D7" s="146">
        <v>3776286</v>
      </c>
      <c r="E7" s="146">
        <v>3774271</v>
      </c>
      <c r="F7" s="146">
        <v>3772457</v>
      </c>
      <c r="G7" s="146">
        <v>3775319</v>
      </c>
      <c r="H7" s="146">
        <v>3779446</v>
      </c>
      <c r="I7" s="146">
        <v>3779063</v>
      </c>
      <c r="J7" s="146">
        <v>3778564</v>
      </c>
      <c r="K7" s="146">
        <v>3778049</v>
      </c>
      <c r="L7" s="146">
        <v>3777436</v>
      </c>
      <c r="M7" s="146">
        <v>3775352</v>
      </c>
      <c r="N7" s="146">
        <v>3774936</v>
      </c>
      <c r="O7" s="146">
        <v>3773982</v>
      </c>
      <c r="P7" s="249" t="s">
        <v>194</v>
      </c>
      <c r="Q7" s="249"/>
      <c r="R7" s="127"/>
      <c r="W7" s="30"/>
      <c r="X7" s="30"/>
      <c r="Y7" s="30"/>
      <c r="Z7" s="30"/>
    </row>
    <row r="8" spans="1:26" s="29" customFormat="1" ht="15" customHeight="1">
      <c r="A8" s="248" t="s">
        <v>195</v>
      </c>
      <c r="B8" s="249"/>
      <c r="C8" s="32"/>
      <c r="D8" s="146">
        <v>1538133</v>
      </c>
      <c r="E8" s="146">
        <v>1537710</v>
      </c>
      <c r="F8" s="146">
        <v>1536539</v>
      </c>
      <c r="G8" s="146">
        <v>1539127</v>
      </c>
      <c r="H8" s="146">
        <v>1541055</v>
      </c>
      <c r="I8" s="146">
        <v>1541504</v>
      </c>
      <c r="J8" s="146">
        <v>1540953</v>
      </c>
      <c r="K8" s="146">
        <v>1540741</v>
      </c>
      <c r="L8" s="146">
        <v>1540869</v>
      </c>
      <c r="M8" s="146">
        <v>1540340</v>
      </c>
      <c r="N8" s="146">
        <v>1539745</v>
      </c>
      <c r="O8" s="146">
        <v>1539352</v>
      </c>
      <c r="P8" s="249" t="s">
        <v>195</v>
      </c>
      <c r="Q8" s="249"/>
      <c r="R8" s="127"/>
      <c r="W8" s="30"/>
      <c r="X8" s="30"/>
      <c r="Y8" s="30"/>
      <c r="Z8" s="30"/>
    </row>
    <row r="9" spans="1:26" ht="1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49"/>
      <c r="L9" s="149"/>
      <c r="M9" s="149"/>
      <c r="N9" s="149"/>
      <c r="O9" s="149"/>
      <c r="P9" s="82"/>
      <c r="Q9" s="82"/>
      <c r="R9" s="118"/>
    </row>
    <row r="10" spans="1:26" ht="15" customHeight="1">
      <c r="A10" s="242" t="s">
        <v>196</v>
      </c>
      <c r="B10" s="243"/>
      <c r="C10" s="46"/>
      <c r="D10" s="152">
        <v>690758</v>
      </c>
      <c r="E10" s="152">
        <v>690137</v>
      </c>
      <c r="F10" s="152">
        <v>689684</v>
      </c>
      <c r="G10" s="152">
        <v>688134</v>
      </c>
      <c r="H10" s="152">
        <v>690783</v>
      </c>
      <c r="I10" s="152">
        <v>690184</v>
      </c>
      <c r="J10" s="152">
        <v>689580</v>
      </c>
      <c r="K10" s="152">
        <v>688371</v>
      </c>
      <c r="L10" s="152">
        <v>687971</v>
      </c>
      <c r="M10" s="152">
        <v>687548</v>
      </c>
      <c r="N10" s="152">
        <v>686886</v>
      </c>
      <c r="O10" s="152">
        <v>686352</v>
      </c>
      <c r="P10" s="243" t="s">
        <v>196</v>
      </c>
      <c r="Q10" s="243"/>
      <c r="R10" s="124"/>
    </row>
    <row r="11" spans="1:26" ht="15" customHeight="1">
      <c r="A11" s="37"/>
      <c r="B11" s="82" t="s">
        <v>128</v>
      </c>
      <c r="C11" s="162"/>
      <c r="D11" s="149">
        <v>387289</v>
      </c>
      <c r="E11" s="149">
        <v>386742</v>
      </c>
      <c r="F11" s="149">
        <v>386344</v>
      </c>
      <c r="G11" s="149">
        <v>384846</v>
      </c>
      <c r="H11" s="149">
        <v>387419</v>
      </c>
      <c r="I11" s="149">
        <v>387041</v>
      </c>
      <c r="J11" s="149">
        <v>386588</v>
      </c>
      <c r="K11" s="149">
        <v>385466</v>
      </c>
      <c r="L11" s="149">
        <v>385071</v>
      </c>
      <c r="M11" s="149">
        <v>384638</v>
      </c>
      <c r="N11" s="149">
        <v>384189</v>
      </c>
      <c r="O11" s="149">
        <v>383702</v>
      </c>
      <c r="P11" s="82"/>
      <c r="Q11" s="82" t="s">
        <v>128</v>
      </c>
      <c r="R11" s="163"/>
    </row>
    <row r="12" spans="1:26" ht="15" customHeight="1">
      <c r="A12" s="37"/>
      <c r="B12" s="82" t="s">
        <v>130</v>
      </c>
      <c r="C12" s="162"/>
      <c r="D12" s="149">
        <v>172700</v>
      </c>
      <c r="E12" s="149">
        <v>172720</v>
      </c>
      <c r="F12" s="149">
        <v>172675</v>
      </c>
      <c r="G12" s="149">
        <v>172694</v>
      </c>
      <c r="H12" s="149">
        <v>172769</v>
      </c>
      <c r="I12" s="149">
        <v>172681</v>
      </c>
      <c r="J12" s="149">
        <v>172696</v>
      </c>
      <c r="K12" s="149">
        <v>172671</v>
      </c>
      <c r="L12" s="149">
        <v>172707</v>
      </c>
      <c r="M12" s="149">
        <v>172772</v>
      </c>
      <c r="N12" s="149">
        <v>172666</v>
      </c>
      <c r="O12" s="149">
        <v>172683</v>
      </c>
      <c r="P12" s="82"/>
      <c r="Q12" s="82" t="s">
        <v>130</v>
      </c>
      <c r="R12" s="163"/>
    </row>
    <row r="13" spans="1:26" ht="15" customHeight="1">
      <c r="A13" s="37"/>
      <c r="B13" s="82" t="s">
        <v>134</v>
      </c>
      <c r="C13" s="162"/>
      <c r="D13" s="149">
        <v>57076</v>
      </c>
      <c r="E13" s="149">
        <v>57053</v>
      </c>
      <c r="F13" s="149">
        <v>57055</v>
      </c>
      <c r="G13" s="149">
        <v>57055</v>
      </c>
      <c r="H13" s="149">
        <v>57082</v>
      </c>
      <c r="I13" s="149">
        <v>57062</v>
      </c>
      <c r="J13" s="149">
        <v>57036</v>
      </c>
      <c r="K13" s="149">
        <v>57003</v>
      </c>
      <c r="L13" s="149">
        <v>57015</v>
      </c>
      <c r="M13" s="149">
        <v>57006</v>
      </c>
      <c r="N13" s="149">
        <v>56965</v>
      </c>
      <c r="O13" s="149">
        <v>56909</v>
      </c>
      <c r="P13" s="82"/>
      <c r="Q13" s="82" t="s">
        <v>134</v>
      </c>
      <c r="R13" s="163"/>
    </row>
    <row r="14" spans="1:26" ht="15" customHeight="1">
      <c r="A14" s="37"/>
      <c r="B14" s="82" t="s">
        <v>135</v>
      </c>
      <c r="C14" s="162"/>
      <c r="D14" s="149">
        <v>41988</v>
      </c>
      <c r="E14" s="149">
        <v>41941</v>
      </c>
      <c r="F14" s="149">
        <v>41894</v>
      </c>
      <c r="G14" s="149">
        <v>41820</v>
      </c>
      <c r="H14" s="149">
        <v>41770</v>
      </c>
      <c r="I14" s="149">
        <v>41658</v>
      </c>
      <c r="J14" s="149">
        <v>41564</v>
      </c>
      <c r="K14" s="149">
        <v>41545</v>
      </c>
      <c r="L14" s="149">
        <v>41494</v>
      </c>
      <c r="M14" s="149">
        <v>41465</v>
      </c>
      <c r="N14" s="149">
        <v>41414</v>
      </c>
      <c r="O14" s="149">
        <v>41402</v>
      </c>
      <c r="P14" s="82"/>
      <c r="Q14" s="82" t="s">
        <v>135</v>
      </c>
      <c r="R14" s="163"/>
    </row>
    <row r="15" spans="1:26" ht="15" customHeight="1">
      <c r="A15" s="37"/>
      <c r="B15" s="82" t="s">
        <v>197</v>
      </c>
      <c r="C15" s="162"/>
      <c r="D15" s="149">
        <v>31705</v>
      </c>
      <c r="E15" s="149">
        <v>31681</v>
      </c>
      <c r="F15" s="149">
        <v>31716</v>
      </c>
      <c r="G15" s="149">
        <v>31719</v>
      </c>
      <c r="H15" s="149">
        <v>31743</v>
      </c>
      <c r="I15" s="149">
        <v>31742</v>
      </c>
      <c r="J15" s="149">
        <v>31696</v>
      </c>
      <c r="K15" s="149">
        <v>31686</v>
      </c>
      <c r="L15" s="149">
        <v>31684</v>
      </c>
      <c r="M15" s="149">
        <v>31667</v>
      </c>
      <c r="N15" s="149">
        <v>31652</v>
      </c>
      <c r="O15" s="149">
        <v>31656</v>
      </c>
      <c r="P15" s="82"/>
      <c r="Q15" s="82" t="s">
        <v>197</v>
      </c>
      <c r="R15" s="163"/>
    </row>
    <row r="16" spans="1:26" s="70" customFormat="1" ht="15" customHeight="1">
      <c r="A16" s="37"/>
      <c r="B16" s="82"/>
      <c r="C16" s="39"/>
      <c r="D16" s="149"/>
      <c r="E16" s="149"/>
      <c r="F16" s="149"/>
      <c r="G16" s="149"/>
      <c r="H16" s="149"/>
      <c r="I16" s="149"/>
      <c r="J16" s="149"/>
      <c r="K16" s="149"/>
      <c r="L16" s="149"/>
      <c r="M16" s="149"/>
      <c r="N16" s="149"/>
      <c r="O16" s="149"/>
      <c r="P16" s="82"/>
      <c r="Q16" s="82"/>
      <c r="R16" s="118"/>
      <c r="W16"/>
      <c r="X16"/>
      <c r="Y16"/>
      <c r="Z16"/>
    </row>
    <row r="17" spans="1:26" s="70" customFormat="1" ht="15" customHeight="1">
      <c r="A17" s="242" t="s">
        <v>198</v>
      </c>
      <c r="B17" s="243"/>
      <c r="C17" s="46"/>
      <c r="D17" s="152">
        <v>1584639</v>
      </c>
      <c r="E17" s="152">
        <v>1583889</v>
      </c>
      <c r="F17" s="152">
        <v>1583820</v>
      </c>
      <c r="G17" s="152">
        <v>1584592</v>
      </c>
      <c r="H17" s="152">
        <v>1585849</v>
      </c>
      <c r="I17" s="152">
        <v>1586062</v>
      </c>
      <c r="J17" s="152">
        <v>1586179</v>
      </c>
      <c r="K17" s="152">
        <v>1586034</v>
      </c>
      <c r="L17" s="152">
        <v>1586393</v>
      </c>
      <c r="M17" s="152">
        <v>1586309</v>
      </c>
      <c r="N17" s="152">
        <v>1586431</v>
      </c>
      <c r="O17" s="152">
        <v>1586431</v>
      </c>
      <c r="P17" s="243" t="s">
        <v>198</v>
      </c>
      <c r="Q17" s="243"/>
      <c r="R17" s="124"/>
      <c r="W17"/>
      <c r="X17"/>
      <c r="Y17"/>
      <c r="Z17"/>
    </row>
    <row r="18" spans="1:26" s="70" customFormat="1" ht="15" customHeight="1">
      <c r="A18" s="37"/>
      <c r="B18" s="82" t="s">
        <v>126</v>
      </c>
      <c r="C18" s="39"/>
      <c r="D18" s="149">
        <v>725514</v>
      </c>
      <c r="E18" s="149">
        <v>725138</v>
      </c>
      <c r="F18" s="149">
        <v>724944</v>
      </c>
      <c r="G18" s="149">
        <v>725132</v>
      </c>
      <c r="H18" s="149">
        <v>725887</v>
      </c>
      <c r="I18" s="149">
        <v>725976</v>
      </c>
      <c r="J18" s="149">
        <v>725887</v>
      </c>
      <c r="K18" s="149">
        <v>725833</v>
      </c>
      <c r="L18" s="149">
        <v>725899</v>
      </c>
      <c r="M18" s="149">
        <v>725924</v>
      </c>
      <c r="N18" s="149">
        <v>725930</v>
      </c>
      <c r="O18" s="149">
        <v>725854</v>
      </c>
      <c r="P18" s="82"/>
      <c r="Q18" s="82" t="s">
        <v>126</v>
      </c>
      <c r="R18" s="118"/>
      <c r="W18"/>
      <c r="X18"/>
      <c r="Y18"/>
      <c r="Z18"/>
    </row>
    <row r="19" spans="1:26" s="70" customFormat="1" ht="15" customHeight="1">
      <c r="A19" s="37"/>
      <c r="B19" s="82" t="s">
        <v>137</v>
      </c>
      <c r="C19" s="39"/>
      <c r="D19" s="149">
        <v>223830</v>
      </c>
      <c r="E19" s="149">
        <v>223733</v>
      </c>
      <c r="F19" s="149">
        <v>223640</v>
      </c>
      <c r="G19" s="149">
        <v>223724</v>
      </c>
      <c r="H19" s="149">
        <v>223902</v>
      </c>
      <c r="I19" s="149">
        <v>223922</v>
      </c>
      <c r="J19" s="149">
        <v>223948</v>
      </c>
      <c r="K19" s="149">
        <v>223924</v>
      </c>
      <c r="L19" s="149">
        <v>223909</v>
      </c>
      <c r="M19" s="149">
        <v>223771</v>
      </c>
      <c r="N19" s="149">
        <v>223811</v>
      </c>
      <c r="O19" s="149">
        <v>223724</v>
      </c>
      <c r="P19" s="82"/>
      <c r="Q19" s="82" t="s">
        <v>137</v>
      </c>
      <c r="R19" s="118"/>
      <c r="W19"/>
      <c r="X19"/>
      <c r="Y19"/>
      <c r="Z19"/>
    </row>
    <row r="20" spans="1:26" s="70" customFormat="1" ht="15" customHeight="1">
      <c r="A20" s="37"/>
      <c r="B20" s="82" t="s">
        <v>138</v>
      </c>
      <c r="C20" s="39"/>
      <c r="D20" s="149">
        <v>239644</v>
      </c>
      <c r="E20" s="149">
        <v>239632</v>
      </c>
      <c r="F20" s="149">
        <v>239728</v>
      </c>
      <c r="G20" s="149">
        <v>240244</v>
      </c>
      <c r="H20" s="149">
        <v>240581</v>
      </c>
      <c r="I20" s="149">
        <v>240711</v>
      </c>
      <c r="J20" s="149">
        <v>240811</v>
      </c>
      <c r="K20" s="149">
        <v>240812</v>
      </c>
      <c r="L20" s="149">
        <v>241006</v>
      </c>
      <c r="M20" s="149">
        <v>241180</v>
      </c>
      <c r="N20" s="149">
        <v>241323</v>
      </c>
      <c r="O20" s="149">
        <v>241400</v>
      </c>
      <c r="P20" s="82"/>
      <c r="Q20" s="82" t="s">
        <v>138</v>
      </c>
      <c r="R20" s="118"/>
      <c r="W20"/>
      <c r="X20"/>
      <c r="Y20"/>
      <c r="Z20"/>
    </row>
    <row r="21" spans="1:26" s="70" customFormat="1" ht="15" customHeight="1">
      <c r="A21" s="37"/>
      <c r="B21" s="82" t="s">
        <v>140</v>
      </c>
      <c r="C21" s="39"/>
      <c r="D21" s="149">
        <v>136699</v>
      </c>
      <c r="E21" s="149">
        <v>136599</v>
      </c>
      <c r="F21" s="149">
        <v>136916</v>
      </c>
      <c r="G21" s="149">
        <v>137114</v>
      </c>
      <c r="H21" s="149">
        <v>137231</v>
      </c>
      <c r="I21" s="149">
        <v>137248</v>
      </c>
      <c r="J21" s="149">
        <v>137303</v>
      </c>
      <c r="K21" s="149">
        <v>137255</v>
      </c>
      <c r="L21" s="149">
        <v>137307</v>
      </c>
      <c r="M21" s="149">
        <v>137303</v>
      </c>
      <c r="N21" s="149">
        <v>137309</v>
      </c>
      <c r="O21" s="149">
        <v>137443</v>
      </c>
      <c r="P21" s="82"/>
      <c r="Q21" s="82" t="s">
        <v>140</v>
      </c>
      <c r="R21" s="118"/>
      <c r="W21"/>
      <c r="X21"/>
      <c r="Y21"/>
      <c r="Z21"/>
    </row>
    <row r="22" spans="1:26" s="70" customFormat="1" ht="15" customHeight="1">
      <c r="A22" s="37"/>
      <c r="B22" s="82" t="s">
        <v>141</v>
      </c>
      <c r="C22" s="39"/>
      <c r="D22" s="149">
        <v>132395</v>
      </c>
      <c r="E22" s="149">
        <v>132327</v>
      </c>
      <c r="F22" s="149">
        <v>132261</v>
      </c>
      <c r="G22" s="149">
        <v>132308</v>
      </c>
      <c r="H22" s="149">
        <v>132272</v>
      </c>
      <c r="I22" s="149">
        <v>132259</v>
      </c>
      <c r="J22" s="149">
        <v>132346</v>
      </c>
      <c r="K22" s="149">
        <v>132366</v>
      </c>
      <c r="L22" s="149">
        <v>132410</v>
      </c>
      <c r="M22" s="149">
        <v>132252</v>
      </c>
      <c r="N22" s="149">
        <v>132251</v>
      </c>
      <c r="O22" s="149">
        <v>132202</v>
      </c>
      <c r="P22" s="82"/>
      <c r="Q22" s="82" t="s">
        <v>141</v>
      </c>
      <c r="R22" s="118"/>
      <c r="W22"/>
      <c r="X22"/>
      <c r="Y22"/>
      <c r="Z22"/>
    </row>
    <row r="23" spans="1:26" s="70" customFormat="1" ht="15" customHeight="1">
      <c r="A23" s="37"/>
      <c r="B23" s="82" t="s">
        <v>143</v>
      </c>
      <c r="C23" s="39"/>
      <c r="D23" s="149">
        <v>83745</v>
      </c>
      <c r="E23" s="149">
        <v>83701</v>
      </c>
      <c r="F23" s="149">
        <v>83637</v>
      </c>
      <c r="G23" s="149">
        <v>83478</v>
      </c>
      <c r="H23" s="149">
        <v>83393</v>
      </c>
      <c r="I23" s="149">
        <v>83381</v>
      </c>
      <c r="J23" s="149">
        <v>83346</v>
      </c>
      <c r="K23" s="149">
        <v>83313</v>
      </c>
      <c r="L23" s="149">
        <v>83323</v>
      </c>
      <c r="M23" s="149">
        <v>83317</v>
      </c>
      <c r="N23" s="149">
        <v>83289</v>
      </c>
      <c r="O23" s="149">
        <v>83319</v>
      </c>
      <c r="P23" s="82"/>
      <c r="Q23" s="82" t="s">
        <v>143</v>
      </c>
      <c r="R23" s="118"/>
      <c r="W23"/>
      <c r="X23"/>
      <c r="Y23"/>
      <c r="Z23"/>
    </row>
    <row r="24" spans="1:26" s="70" customFormat="1" ht="15" customHeight="1">
      <c r="A24" s="37"/>
      <c r="B24" s="82" t="s">
        <v>160</v>
      </c>
      <c r="C24" s="39"/>
      <c r="D24" s="149">
        <v>39779</v>
      </c>
      <c r="E24" s="149">
        <v>39730</v>
      </c>
      <c r="F24" s="149">
        <v>39670</v>
      </c>
      <c r="G24" s="149">
        <v>39565</v>
      </c>
      <c r="H24" s="149">
        <v>39575</v>
      </c>
      <c r="I24" s="149">
        <v>39553</v>
      </c>
      <c r="J24" s="149">
        <v>39533</v>
      </c>
      <c r="K24" s="149">
        <v>39517</v>
      </c>
      <c r="L24" s="149">
        <v>39522</v>
      </c>
      <c r="M24" s="149">
        <v>39537</v>
      </c>
      <c r="N24" s="149">
        <v>39498</v>
      </c>
      <c r="O24" s="149">
        <v>39478</v>
      </c>
      <c r="P24" s="82"/>
      <c r="Q24" s="82" t="s">
        <v>160</v>
      </c>
      <c r="R24" s="118"/>
      <c r="W24"/>
      <c r="X24"/>
      <c r="Y24"/>
      <c r="Z24"/>
    </row>
    <row r="25" spans="1:26" s="70" customFormat="1" ht="15" customHeight="1">
      <c r="A25" s="37"/>
      <c r="B25" s="82" t="s">
        <v>161</v>
      </c>
      <c r="C25" s="39"/>
      <c r="D25" s="149">
        <v>3033</v>
      </c>
      <c r="E25" s="149">
        <v>3029</v>
      </c>
      <c r="F25" s="149">
        <v>3024</v>
      </c>
      <c r="G25" s="149">
        <v>3027</v>
      </c>
      <c r="H25" s="149">
        <v>3008</v>
      </c>
      <c r="I25" s="149">
        <v>3012</v>
      </c>
      <c r="J25" s="149">
        <v>3005</v>
      </c>
      <c r="K25" s="149">
        <v>3014</v>
      </c>
      <c r="L25" s="149">
        <v>3017</v>
      </c>
      <c r="M25" s="149">
        <v>3025</v>
      </c>
      <c r="N25" s="149">
        <v>3020</v>
      </c>
      <c r="O25" s="149">
        <v>3011</v>
      </c>
      <c r="P25" s="82"/>
      <c r="Q25" s="82" t="s">
        <v>161</v>
      </c>
      <c r="R25" s="118"/>
      <c r="W25"/>
      <c r="X25"/>
      <c r="Y25"/>
      <c r="Z25"/>
    </row>
    <row r="26" spans="1:26" s="70" customFormat="1" ht="15" customHeight="1">
      <c r="A26" s="37"/>
      <c r="B26" s="82"/>
      <c r="C26" s="3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49"/>
      <c r="O26" s="149"/>
      <c r="P26" s="82"/>
      <c r="Q26" s="82"/>
      <c r="R26" s="118"/>
      <c r="W26"/>
      <c r="X26"/>
      <c r="Y26"/>
      <c r="Z26"/>
    </row>
    <row r="27" spans="1:26" s="70" customFormat="1" ht="15" customHeight="1">
      <c r="A27" s="242" t="s">
        <v>199</v>
      </c>
      <c r="B27" s="243"/>
      <c r="C27" s="46"/>
      <c r="D27" s="152">
        <v>1310402</v>
      </c>
      <c r="E27" s="152">
        <v>1309908</v>
      </c>
      <c r="F27" s="152">
        <v>1309596</v>
      </c>
      <c r="G27" s="152">
        <v>1310244</v>
      </c>
      <c r="H27" s="152">
        <v>1311204</v>
      </c>
      <c r="I27" s="152">
        <v>1311481</v>
      </c>
      <c r="J27" s="152">
        <v>1311774</v>
      </c>
      <c r="K27" s="152">
        <v>1311947</v>
      </c>
      <c r="L27" s="152">
        <v>1312295</v>
      </c>
      <c r="M27" s="152">
        <v>1312340</v>
      </c>
      <c r="N27" s="152">
        <v>1312779</v>
      </c>
      <c r="O27" s="152">
        <v>1313298</v>
      </c>
      <c r="P27" s="243" t="s">
        <v>199</v>
      </c>
      <c r="Q27" s="243"/>
      <c r="R27" s="124"/>
      <c r="W27"/>
      <c r="X27"/>
      <c r="Y27"/>
      <c r="Z27"/>
    </row>
    <row r="28" spans="1:26" s="70" customFormat="1" ht="15" customHeight="1">
      <c r="A28" s="37"/>
      <c r="B28" s="82" t="s">
        <v>129</v>
      </c>
      <c r="C28" s="39"/>
      <c r="D28" s="149">
        <v>258298</v>
      </c>
      <c r="E28" s="149">
        <v>258173</v>
      </c>
      <c r="F28" s="149">
        <v>258080</v>
      </c>
      <c r="G28" s="149">
        <v>258075</v>
      </c>
      <c r="H28" s="149">
        <v>258202</v>
      </c>
      <c r="I28" s="149">
        <v>258135</v>
      </c>
      <c r="J28" s="149">
        <v>258096</v>
      </c>
      <c r="K28" s="149">
        <v>258010</v>
      </c>
      <c r="L28" s="149">
        <v>257943</v>
      </c>
      <c r="M28" s="149">
        <v>257883</v>
      </c>
      <c r="N28" s="149">
        <v>257775</v>
      </c>
      <c r="O28" s="149">
        <v>257689</v>
      </c>
      <c r="P28" s="82"/>
      <c r="Q28" s="82" t="s">
        <v>129</v>
      </c>
      <c r="R28" s="118"/>
      <c r="W28"/>
      <c r="X28"/>
      <c r="Y28"/>
      <c r="Z28"/>
    </row>
    <row r="29" spans="1:26" s="70" customFormat="1" ht="15" customHeight="1">
      <c r="A29" s="37"/>
      <c r="B29" s="82" t="s">
        <v>131</v>
      </c>
      <c r="C29" s="39"/>
      <c r="D29" s="149">
        <v>438071</v>
      </c>
      <c r="E29" s="149">
        <v>438101</v>
      </c>
      <c r="F29" s="149">
        <v>438149</v>
      </c>
      <c r="G29" s="149">
        <v>438968</v>
      </c>
      <c r="H29" s="149">
        <v>439566</v>
      </c>
      <c r="I29" s="149">
        <v>439801</v>
      </c>
      <c r="J29" s="149">
        <v>439994</v>
      </c>
      <c r="K29" s="149">
        <v>440159</v>
      </c>
      <c r="L29" s="149">
        <v>440454</v>
      </c>
      <c r="M29" s="149">
        <v>440487</v>
      </c>
      <c r="N29" s="149">
        <v>440801</v>
      </c>
      <c r="O29" s="149">
        <v>441423</v>
      </c>
      <c r="P29" s="82"/>
      <c r="Q29" s="82" t="s">
        <v>131</v>
      </c>
      <c r="R29" s="118"/>
      <c r="W29"/>
      <c r="X29"/>
      <c r="Y29"/>
      <c r="Z29"/>
    </row>
    <row r="30" spans="1:26" s="70" customFormat="1" ht="15" customHeight="1">
      <c r="A30" s="37"/>
      <c r="B30" s="82" t="s">
        <v>200</v>
      </c>
      <c r="C30" s="39"/>
      <c r="D30" s="149">
        <v>242470</v>
      </c>
      <c r="E30" s="149">
        <v>242336</v>
      </c>
      <c r="F30" s="149">
        <v>242317</v>
      </c>
      <c r="G30" s="149">
        <v>242371</v>
      </c>
      <c r="H30" s="149">
        <v>242542</v>
      </c>
      <c r="I30" s="149">
        <v>242682</v>
      </c>
      <c r="J30" s="149">
        <v>242901</v>
      </c>
      <c r="K30" s="149">
        <v>243025</v>
      </c>
      <c r="L30" s="149">
        <v>243198</v>
      </c>
      <c r="M30" s="149">
        <v>243406</v>
      </c>
      <c r="N30" s="149">
        <v>243567</v>
      </c>
      <c r="O30" s="149">
        <v>243685</v>
      </c>
      <c r="P30" s="82"/>
      <c r="Q30" s="82" t="s">
        <v>200</v>
      </c>
      <c r="R30" s="118"/>
      <c r="W30"/>
      <c r="X30"/>
      <c r="Y30"/>
      <c r="Z30"/>
    </row>
    <row r="31" spans="1:26" s="70" customFormat="1" ht="15" customHeight="1">
      <c r="A31" s="37"/>
      <c r="B31" s="82" t="s">
        <v>136</v>
      </c>
      <c r="C31" s="39"/>
      <c r="D31" s="149">
        <v>162379</v>
      </c>
      <c r="E31" s="149">
        <v>162261</v>
      </c>
      <c r="F31" s="149">
        <v>162156</v>
      </c>
      <c r="G31" s="149">
        <v>161932</v>
      </c>
      <c r="H31" s="149">
        <v>161951</v>
      </c>
      <c r="I31" s="149">
        <v>161983</v>
      </c>
      <c r="J31" s="149">
        <v>161938</v>
      </c>
      <c r="K31" s="149">
        <v>161974</v>
      </c>
      <c r="L31" s="149">
        <v>161994</v>
      </c>
      <c r="M31" s="149">
        <v>161976</v>
      </c>
      <c r="N31" s="149">
        <v>161975</v>
      </c>
      <c r="O31" s="149">
        <v>161954</v>
      </c>
      <c r="P31" s="82"/>
      <c r="Q31" s="82" t="s">
        <v>136</v>
      </c>
      <c r="R31" s="118"/>
      <c r="W31"/>
      <c r="X31"/>
      <c r="Y31"/>
      <c r="Z31"/>
    </row>
    <row r="32" spans="1:26" s="70" customFormat="1" ht="15" customHeight="1">
      <c r="A32" s="37"/>
      <c r="B32" s="82" t="s">
        <v>139</v>
      </c>
      <c r="C32" s="39"/>
      <c r="D32" s="149">
        <v>101531</v>
      </c>
      <c r="E32" s="149">
        <v>101432</v>
      </c>
      <c r="F32" s="149">
        <v>101326</v>
      </c>
      <c r="G32" s="149">
        <v>101381</v>
      </c>
      <c r="H32" s="149">
        <v>101403</v>
      </c>
      <c r="I32" s="149">
        <v>101362</v>
      </c>
      <c r="J32" s="149">
        <v>101328</v>
      </c>
      <c r="K32" s="149">
        <v>101288</v>
      </c>
      <c r="L32" s="149">
        <v>101254</v>
      </c>
      <c r="M32" s="149">
        <v>101237</v>
      </c>
      <c r="N32" s="149">
        <v>101275</v>
      </c>
      <c r="O32" s="149">
        <v>101199</v>
      </c>
      <c r="P32" s="82"/>
      <c r="Q32" s="82" t="s">
        <v>139</v>
      </c>
      <c r="R32" s="118"/>
      <c r="W32"/>
      <c r="X32"/>
      <c r="Y32"/>
      <c r="Z32"/>
    </row>
    <row r="33" spans="1:26" s="70" customFormat="1" ht="15" customHeight="1">
      <c r="A33" s="37"/>
      <c r="B33" s="82" t="s">
        <v>201</v>
      </c>
      <c r="C33" s="39"/>
      <c r="D33" s="149">
        <v>48438</v>
      </c>
      <c r="E33" s="149">
        <v>48420</v>
      </c>
      <c r="F33" s="149">
        <v>48426</v>
      </c>
      <c r="G33" s="149">
        <v>48459</v>
      </c>
      <c r="H33" s="149">
        <v>48503</v>
      </c>
      <c r="I33" s="149">
        <v>48485</v>
      </c>
      <c r="J33" s="149">
        <v>48527</v>
      </c>
      <c r="K33" s="149">
        <v>48533</v>
      </c>
      <c r="L33" s="149">
        <v>48531</v>
      </c>
      <c r="M33" s="149">
        <v>48495</v>
      </c>
      <c r="N33" s="149">
        <v>48550</v>
      </c>
      <c r="O33" s="149">
        <v>48550</v>
      </c>
      <c r="P33" s="82"/>
      <c r="Q33" s="82" t="s">
        <v>201</v>
      </c>
      <c r="R33" s="118"/>
      <c r="W33"/>
      <c r="X33"/>
      <c r="Y33"/>
      <c r="Z33"/>
    </row>
    <row r="34" spans="1:26" s="70" customFormat="1" ht="15" customHeight="1">
      <c r="A34" s="37"/>
      <c r="B34" s="82" t="s">
        <v>147</v>
      </c>
      <c r="C34" s="39"/>
      <c r="D34" s="149">
        <v>31708</v>
      </c>
      <c r="E34" s="149">
        <v>31684</v>
      </c>
      <c r="F34" s="149">
        <v>31651</v>
      </c>
      <c r="G34" s="149">
        <v>31617</v>
      </c>
      <c r="H34" s="149">
        <v>31622</v>
      </c>
      <c r="I34" s="149">
        <v>31610</v>
      </c>
      <c r="J34" s="149">
        <v>31564</v>
      </c>
      <c r="K34" s="149">
        <v>31559</v>
      </c>
      <c r="L34" s="149">
        <v>31537</v>
      </c>
      <c r="M34" s="149">
        <v>31475</v>
      </c>
      <c r="N34" s="149">
        <v>31454</v>
      </c>
      <c r="O34" s="149">
        <v>31424</v>
      </c>
      <c r="P34" s="82"/>
      <c r="Q34" s="82" t="s">
        <v>147</v>
      </c>
      <c r="R34" s="118"/>
      <c r="W34"/>
      <c r="X34"/>
      <c r="Y34"/>
      <c r="Z34"/>
    </row>
    <row r="35" spans="1:26" s="70" customFormat="1" ht="15" customHeight="1">
      <c r="A35" s="37"/>
      <c r="B35" s="82" t="s">
        <v>148</v>
      </c>
      <c r="C35" s="39"/>
      <c r="D35" s="149">
        <v>27507</v>
      </c>
      <c r="E35" s="149">
        <v>27501</v>
      </c>
      <c r="F35" s="149">
        <v>27491</v>
      </c>
      <c r="G35" s="149">
        <v>27441</v>
      </c>
      <c r="H35" s="149">
        <v>27415</v>
      </c>
      <c r="I35" s="149">
        <v>27423</v>
      </c>
      <c r="J35" s="149">
        <v>27426</v>
      </c>
      <c r="K35" s="149">
        <v>27399</v>
      </c>
      <c r="L35" s="149">
        <v>27384</v>
      </c>
      <c r="M35" s="149">
        <v>27381</v>
      </c>
      <c r="N35" s="149">
        <v>27382</v>
      </c>
      <c r="O35" s="149">
        <v>27374</v>
      </c>
      <c r="P35" s="82"/>
      <c r="Q35" s="82" t="s">
        <v>148</v>
      </c>
      <c r="R35" s="118"/>
      <c r="W35"/>
      <c r="X35"/>
      <c r="Y35"/>
      <c r="Z35"/>
    </row>
    <row r="36" spans="1:26" s="70" customFormat="1" ht="15" customHeight="1">
      <c r="A36" s="37"/>
      <c r="B36" s="82"/>
      <c r="C36" s="39"/>
      <c r="D36" s="149"/>
      <c r="E36" s="149"/>
      <c r="F36" s="149"/>
      <c r="G36" s="149"/>
      <c r="H36" s="149"/>
      <c r="I36" s="149"/>
      <c r="J36" s="149"/>
      <c r="K36" s="149"/>
      <c r="L36" s="149"/>
      <c r="M36" s="149"/>
      <c r="N36" s="149"/>
      <c r="O36" s="149"/>
      <c r="P36" s="82"/>
      <c r="Q36" s="82"/>
      <c r="R36" s="118"/>
      <c r="W36"/>
      <c r="X36"/>
      <c r="Y36"/>
      <c r="Z36"/>
    </row>
    <row r="37" spans="1:26" s="70" customFormat="1" ht="15" customHeight="1">
      <c r="A37" s="242" t="s">
        <v>202</v>
      </c>
      <c r="B37" s="243"/>
      <c r="C37" s="46"/>
      <c r="D37" s="152">
        <v>336119</v>
      </c>
      <c r="E37" s="152">
        <v>335907</v>
      </c>
      <c r="F37" s="152">
        <v>335649</v>
      </c>
      <c r="G37" s="152">
        <v>335207</v>
      </c>
      <c r="H37" s="152">
        <v>335213</v>
      </c>
      <c r="I37" s="152">
        <v>335061</v>
      </c>
      <c r="J37" s="152">
        <v>334877</v>
      </c>
      <c r="K37" s="152">
        <v>334812</v>
      </c>
      <c r="L37" s="152">
        <v>334686</v>
      </c>
      <c r="M37" s="152">
        <v>334539</v>
      </c>
      <c r="N37" s="152">
        <v>334381</v>
      </c>
      <c r="O37" s="152">
        <v>334232</v>
      </c>
      <c r="P37" s="243" t="s">
        <v>202</v>
      </c>
      <c r="Q37" s="243"/>
      <c r="R37" s="124"/>
      <c r="W37"/>
      <c r="X37"/>
      <c r="Y37"/>
      <c r="Z37"/>
    </row>
    <row r="38" spans="1:26" s="70" customFormat="1" ht="15" customHeight="1">
      <c r="A38" s="37"/>
      <c r="B38" s="82" t="s">
        <v>132</v>
      </c>
      <c r="C38" s="39"/>
      <c r="D38" s="149">
        <v>188709</v>
      </c>
      <c r="E38" s="149">
        <v>188629</v>
      </c>
      <c r="F38" s="149">
        <v>188529</v>
      </c>
      <c r="G38" s="149">
        <v>188375</v>
      </c>
      <c r="H38" s="149">
        <v>188411</v>
      </c>
      <c r="I38" s="149">
        <v>188324</v>
      </c>
      <c r="J38" s="149">
        <v>188270</v>
      </c>
      <c r="K38" s="149">
        <v>188273</v>
      </c>
      <c r="L38" s="149">
        <v>188274</v>
      </c>
      <c r="M38" s="149">
        <v>188243</v>
      </c>
      <c r="N38" s="149">
        <v>188209</v>
      </c>
      <c r="O38" s="149">
        <v>188074</v>
      </c>
      <c r="P38" s="82"/>
      <c r="Q38" s="82" t="s">
        <v>132</v>
      </c>
      <c r="R38" s="118"/>
      <c r="W38"/>
      <c r="X38"/>
      <c r="Y38"/>
      <c r="Z38"/>
    </row>
    <row r="39" spans="1:26" s="70" customFormat="1" ht="15" customHeight="1">
      <c r="A39" s="37"/>
      <c r="B39" s="82" t="s">
        <v>142</v>
      </c>
      <c r="C39" s="39"/>
      <c r="D39" s="149">
        <v>40731</v>
      </c>
      <c r="E39" s="149">
        <v>40681</v>
      </c>
      <c r="F39" s="149">
        <v>40638</v>
      </c>
      <c r="G39" s="149">
        <v>40520</v>
      </c>
      <c r="H39" s="149">
        <v>40533</v>
      </c>
      <c r="I39" s="149">
        <v>40528</v>
      </c>
      <c r="J39" s="149">
        <v>40503</v>
      </c>
      <c r="K39" s="149">
        <v>40483</v>
      </c>
      <c r="L39" s="149">
        <v>40448</v>
      </c>
      <c r="M39" s="149">
        <v>40412</v>
      </c>
      <c r="N39" s="149">
        <v>40364</v>
      </c>
      <c r="O39" s="149">
        <v>40369</v>
      </c>
      <c r="P39" s="82"/>
      <c r="Q39" s="82" t="s">
        <v>142</v>
      </c>
      <c r="R39" s="118"/>
      <c r="W39"/>
      <c r="X39"/>
      <c r="Y39"/>
      <c r="Z39"/>
    </row>
    <row r="40" spans="1:26" s="70" customFormat="1" ht="15" customHeight="1">
      <c r="A40" s="37"/>
      <c r="B40" s="82" t="s">
        <v>150</v>
      </c>
      <c r="C40" s="39"/>
      <c r="D40" s="149">
        <v>9263</v>
      </c>
      <c r="E40" s="149">
        <v>9249</v>
      </c>
      <c r="F40" s="149">
        <v>9248</v>
      </c>
      <c r="G40" s="149">
        <v>9204</v>
      </c>
      <c r="H40" s="149">
        <v>9190</v>
      </c>
      <c r="I40" s="149">
        <v>9180</v>
      </c>
      <c r="J40" s="149">
        <v>9162</v>
      </c>
      <c r="K40" s="149">
        <v>9143</v>
      </c>
      <c r="L40" s="149">
        <v>9142</v>
      </c>
      <c r="M40" s="149">
        <v>9116</v>
      </c>
      <c r="N40" s="149">
        <v>9116</v>
      </c>
      <c r="O40" s="149">
        <v>9117</v>
      </c>
      <c r="P40" s="82"/>
      <c r="Q40" s="82" t="s">
        <v>150</v>
      </c>
      <c r="R40" s="118"/>
      <c r="W40"/>
      <c r="X40"/>
      <c r="Y40"/>
      <c r="Z40"/>
    </row>
    <row r="41" spans="1:26" s="70" customFormat="1" ht="15" customHeight="1">
      <c r="A41" s="37"/>
      <c r="B41" s="82" t="s">
        <v>151</v>
      </c>
      <c r="C41" s="39"/>
      <c r="D41" s="149">
        <v>17161</v>
      </c>
      <c r="E41" s="149">
        <v>17164</v>
      </c>
      <c r="F41" s="149">
        <v>17158</v>
      </c>
      <c r="G41" s="149">
        <v>17146</v>
      </c>
      <c r="H41" s="149">
        <v>17136</v>
      </c>
      <c r="I41" s="149">
        <v>17131</v>
      </c>
      <c r="J41" s="149">
        <v>17156</v>
      </c>
      <c r="K41" s="149">
        <v>17160</v>
      </c>
      <c r="L41" s="149">
        <v>17146</v>
      </c>
      <c r="M41" s="149">
        <v>17158</v>
      </c>
      <c r="N41" s="149">
        <v>17169</v>
      </c>
      <c r="O41" s="149">
        <v>17199</v>
      </c>
      <c r="P41" s="82"/>
      <c r="Q41" s="82" t="s">
        <v>151</v>
      </c>
      <c r="R41" s="118"/>
      <c r="W41"/>
      <c r="X41"/>
      <c r="Y41"/>
      <c r="Z41"/>
    </row>
    <row r="42" spans="1:26" s="70" customFormat="1" ht="15" customHeight="1">
      <c r="A42" s="37"/>
      <c r="B42" s="82" t="s">
        <v>152</v>
      </c>
      <c r="C42" s="39"/>
      <c r="D42" s="149">
        <v>10789</v>
      </c>
      <c r="E42" s="149">
        <v>10751</v>
      </c>
      <c r="F42" s="149">
        <v>10719</v>
      </c>
      <c r="G42" s="149">
        <v>10680</v>
      </c>
      <c r="H42" s="149">
        <v>10673</v>
      </c>
      <c r="I42" s="149">
        <v>10649</v>
      </c>
      <c r="J42" s="149">
        <v>10655</v>
      </c>
      <c r="K42" s="149">
        <v>10643</v>
      </c>
      <c r="L42" s="149">
        <v>10639</v>
      </c>
      <c r="M42" s="149">
        <v>10616</v>
      </c>
      <c r="N42" s="149">
        <v>10613</v>
      </c>
      <c r="O42" s="149">
        <v>10621</v>
      </c>
      <c r="P42" s="82"/>
      <c r="Q42" s="82" t="s">
        <v>152</v>
      </c>
      <c r="R42" s="118"/>
      <c r="W42"/>
      <c r="X42"/>
      <c r="Y42"/>
      <c r="Z42"/>
    </row>
    <row r="43" spans="1:26" s="70" customFormat="1" ht="15" customHeight="1">
      <c r="A43" s="37"/>
      <c r="B43" s="82" t="s">
        <v>153</v>
      </c>
      <c r="C43" s="39"/>
      <c r="D43" s="149">
        <v>9733</v>
      </c>
      <c r="E43" s="149">
        <v>9727</v>
      </c>
      <c r="F43" s="149">
        <v>9715</v>
      </c>
      <c r="G43" s="149">
        <v>9679</v>
      </c>
      <c r="H43" s="149">
        <v>9651</v>
      </c>
      <c r="I43" s="149">
        <v>9642</v>
      </c>
      <c r="J43" s="149">
        <v>9622</v>
      </c>
      <c r="K43" s="149">
        <v>9622</v>
      </c>
      <c r="L43" s="149">
        <v>9624</v>
      </c>
      <c r="M43" s="149">
        <v>9620</v>
      </c>
      <c r="N43" s="149">
        <v>9592</v>
      </c>
      <c r="O43" s="149">
        <v>9576</v>
      </c>
      <c r="P43" s="82"/>
      <c r="Q43" s="82" t="s">
        <v>153</v>
      </c>
      <c r="R43" s="118"/>
      <c r="W43"/>
      <c r="X43"/>
      <c r="Y43"/>
      <c r="Z43"/>
    </row>
    <row r="44" spans="1:26" s="70" customFormat="1" ht="15" customHeight="1">
      <c r="A44" s="37"/>
      <c r="B44" s="82" t="s">
        <v>154</v>
      </c>
      <c r="C44" s="39"/>
      <c r="D44" s="149">
        <v>18398</v>
      </c>
      <c r="E44" s="149">
        <v>18423</v>
      </c>
      <c r="F44" s="149">
        <v>18421</v>
      </c>
      <c r="G44" s="149">
        <v>18432</v>
      </c>
      <c r="H44" s="149">
        <v>18446</v>
      </c>
      <c r="I44" s="149">
        <v>18450</v>
      </c>
      <c r="J44" s="149">
        <v>18450</v>
      </c>
      <c r="K44" s="149">
        <v>18469</v>
      </c>
      <c r="L44" s="149">
        <v>18484</v>
      </c>
      <c r="M44" s="149">
        <v>18513</v>
      </c>
      <c r="N44" s="149">
        <v>18549</v>
      </c>
      <c r="O44" s="149">
        <v>18545</v>
      </c>
      <c r="P44" s="82"/>
      <c r="Q44" s="82" t="s">
        <v>154</v>
      </c>
      <c r="R44" s="118"/>
      <c r="W44"/>
      <c r="X44"/>
      <c r="Y44"/>
      <c r="Z44"/>
    </row>
    <row r="45" spans="1:26" s="70" customFormat="1" ht="15" customHeight="1">
      <c r="A45" s="37"/>
      <c r="B45" s="82" t="s">
        <v>156</v>
      </c>
      <c r="C45" s="39"/>
      <c r="D45" s="149">
        <v>11245</v>
      </c>
      <c r="E45" s="149">
        <v>11239</v>
      </c>
      <c r="F45" s="149">
        <v>11210</v>
      </c>
      <c r="G45" s="149">
        <v>11253</v>
      </c>
      <c r="H45" s="149">
        <v>11281</v>
      </c>
      <c r="I45" s="149">
        <v>11307</v>
      </c>
      <c r="J45" s="149">
        <v>11263</v>
      </c>
      <c r="K45" s="149">
        <v>11255</v>
      </c>
      <c r="L45" s="149">
        <v>11216</v>
      </c>
      <c r="M45" s="149">
        <v>11174</v>
      </c>
      <c r="N45" s="149">
        <v>11129</v>
      </c>
      <c r="O45" s="149">
        <v>11106</v>
      </c>
      <c r="P45" s="82"/>
      <c r="Q45" s="82" t="s">
        <v>156</v>
      </c>
      <c r="R45" s="118"/>
      <c r="W45"/>
      <c r="X45"/>
      <c r="Y45"/>
      <c r="Z45"/>
    </row>
    <row r="46" spans="1:26" s="70" customFormat="1" ht="15" customHeight="1">
      <c r="A46" s="37"/>
      <c r="B46" s="82" t="s">
        <v>157</v>
      </c>
      <c r="C46" s="39"/>
      <c r="D46" s="149">
        <v>6707</v>
      </c>
      <c r="E46" s="149">
        <v>6696</v>
      </c>
      <c r="F46" s="149">
        <v>6691</v>
      </c>
      <c r="G46" s="149">
        <v>6666</v>
      </c>
      <c r="H46" s="149">
        <v>6653</v>
      </c>
      <c r="I46" s="149">
        <v>6636</v>
      </c>
      <c r="J46" s="149">
        <v>6622</v>
      </c>
      <c r="K46" s="149">
        <v>6615</v>
      </c>
      <c r="L46" s="149">
        <v>6604</v>
      </c>
      <c r="M46" s="149">
        <v>6598</v>
      </c>
      <c r="N46" s="149">
        <v>6579</v>
      </c>
      <c r="O46" s="149">
        <v>6572</v>
      </c>
      <c r="P46" s="82"/>
      <c r="Q46" s="82" t="s">
        <v>157</v>
      </c>
      <c r="R46" s="118"/>
      <c r="W46"/>
      <c r="X46"/>
      <c r="Y46"/>
      <c r="Z46"/>
    </row>
    <row r="47" spans="1:26" s="70" customFormat="1" ht="15" customHeight="1">
      <c r="A47" s="37"/>
      <c r="B47" s="82" t="s">
        <v>158</v>
      </c>
      <c r="C47" s="39"/>
      <c r="D47" s="149">
        <v>23383</v>
      </c>
      <c r="E47" s="149">
        <v>23348</v>
      </c>
      <c r="F47" s="149">
        <v>23320</v>
      </c>
      <c r="G47" s="149">
        <v>23252</v>
      </c>
      <c r="H47" s="149">
        <v>23239</v>
      </c>
      <c r="I47" s="149">
        <v>23214</v>
      </c>
      <c r="J47" s="149">
        <v>23174</v>
      </c>
      <c r="K47" s="149">
        <v>23149</v>
      </c>
      <c r="L47" s="149">
        <v>23109</v>
      </c>
      <c r="M47" s="149">
        <v>23089</v>
      </c>
      <c r="N47" s="149">
        <v>23061</v>
      </c>
      <c r="O47" s="149">
        <v>23053</v>
      </c>
      <c r="P47" s="82"/>
      <c r="Q47" s="82" t="s">
        <v>158</v>
      </c>
      <c r="R47" s="118"/>
      <c r="W47"/>
      <c r="X47"/>
      <c r="Y47"/>
      <c r="Z47"/>
    </row>
    <row r="48" spans="1:26" s="70" customFormat="1" ht="15" customHeight="1" thickBot="1">
      <c r="A48" s="51"/>
      <c r="B48" s="52"/>
      <c r="C48" s="52"/>
      <c r="D48" s="89"/>
      <c r="E48" s="89"/>
      <c r="F48" s="89"/>
      <c r="G48" s="89"/>
      <c r="H48" s="89"/>
      <c r="I48" s="89"/>
      <c r="J48" s="89"/>
      <c r="K48" s="89"/>
      <c r="L48" s="89"/>
      <c r="M48" s="89"/>
      <c r="N48" s="89"/>
      <c r="O48" s="89"/>
      <c r="P48" s="52"/>
      <c r="Q48" s="52"/>
      <c r="R48" s="143"/>
      <c r="W48"/>
      <c r="X48"/>
      <c r="Y48"/>
      <c r="Z48"/>
    </row>
    <row r="49" spans="23:26" s="70" customFormat="1" ht="9.75" customHeight="1">
      <c r="W49"/>
      <c r="X49"/>
      <c r="Y49"/>
      <c r="Z49"/>
    </row>
  </sheetData>
  <mergeCells count="20">
    <mergeCell ref="D1:I1"/>
    <mergeCell ref="A3:C3"/>
    <mergeCell ref="J3:O3"/>
    <mergeCell ref="P3:R3"/>
    <mergeCell ref="A4:C4"/>
    <mergeCell ref="P4:R4"/>
    <mergeCell ref="A6:B6"/>
    <mergeCell ref="P6:Q6"/>
    <mergeCell ref="A7:B7"/>
    <mergeCell ref="P7:Q7"/>
    <mergeCell ref="A8:B8"/>
    <mergeCell ref="P8:Q8"/>
    <mergeCell ref="A37:B37"/>
    <mergeCell ref="P37:Q37"/>
    <mergeCell ref="A10:B10"/>
    <mergeCell ref="P10:Q10"/>
    <mergeCell ref="A17:B17"/>
    <mergeCell ref="P17:Q17"/>
    <mergeCell ref="A27:B27"/>
    <mergeCell ref="P27:Q27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firstPageNumber="26" orientation="portrait" useFirstPageNumber="1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8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9.37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37.5" customHeight="1">
      <c r="A1" s="201" t="s">
        <v>203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8.75" customHeight="1">
      <c r="A2" s="69"/>
      <c r="B2" s="69"/>
      <c r="C2" s="69"/>
      <c r="D2" s="69"/>
      <c r="E2" s="69"/>
      <c r="F2" s="69"/>
      <c r="G2" s="69"/>
      <c r="H2" s="69"/>
      <c r="I2" s="69"/>
      <c r="J2" s="69"/>
      <c r="K2" s="69"/>
    </row>
    <row r="3" spans="1:22" ht="18.75" customHeight="1" thickBot="1">
      <c r="A3" s="202" t="s">
        <v>204</v>
      </c>
      <c r="B3" s="202"/>
      <c r="C3" s="202"/>
      <c r="I3" s="236" t="s">
        <v>56</v>
      </c>
      <c r="J3" s="236"/>
      <c r="K3" s="236"/>
    </row>
    <row r="4" spans="1:22" ht="11.25" customHeight="1">
      <c r="A4" s="203" t="s">
        <v>205</v>
      </c>
      <c r="B4" s="204"/>
      <c r="C4" s="204"/>
      <c r="D4" s="225" t="s">
        <v>3</v>
      </c>
      <c r="E4" s="256" t="s">
        <v>206</v>
      </c>
      <c r="F4" s="232" t="s">
        <v>207</v>
      </c>
      <c r="G4" s="71"/>
      <c r="H4" s="164"/>
      <c r="I4" s="164"/>
      <c r="J4" s="164"/>
      <c r="K4" s="165"/>
    </row>
    <row r="5" spans="1:22" ht="11.25" customHeight="1">
      <c r="A5" s="205"/>
      <c r="B5" s="206"/>
      <c r="C5" s="206"/>
      <c r="D5" s="222"/>
      <c r="E5" s="257"/>
      <c r="F5" s="259"/>
      <c r="G5" s="166"/>
      <c r="H5" s="261" t="s">
        <v>7</v>
      </c>
      <c r="I5" s="167"/>
      <c r="J5" s="261" t="s">
        <v>8</v>
      </c>
      <c r="K5" s="168"/>
    </row>
    <row r="6" spans="1:22" ht="15" customHeight="1">
      <c r="A6" s="207"/>
      <c r="B6" s="208"/>
      <c r="C6" s="208"/>
      <c r="D6" s="222"/>
      <c r="E6" s="258"/>
      <c r="F6" s="260"/>
      <c r="G6" s="74" t="s">
        <v>9</v>
      </c>
      <c r="H6" s="222"/>
      <c r="I6" s="74" t="s">
        <v>9</v>
      </c>
      <c r="J6" s="222"/>
      <c r="K6" s="92" t="s">
        <v>9</v>
      </c>
    </row>
    <row r="7" spans="1:22" ht="10.5" customHeight="1">
      <c r="A7" s="8"/>
      <c r="B7" s="39"/>
      <c r="C7" s="39"/>
      <c r="D7" s="11" t="s">
        <v>10</v>
      </c>
      <c r="E7" s="11" t="s">
        <v>11</v>
      </c>
      <c r="F7" s="169" t="s">
        <v>10</v>
      </c>
      <c r="G7" s="11" t="s">
        <v>11</v>
      </c>
      <c r="H7" s="11" t="s">
        <v>10</v>
      </c>
      <c r="I7" s="11" t="s">
        <v>11</v>
      </c>
      <c r="J7" s="11" t="s">
        <v>10</v>
      </c>
      <c r="K7" s="13" t="s">
        <v>11</v>
      </c>
    </row>
    <row r="8" spans="1:22" ht="11.25" customHeight="1">
      <c r="A8" s="8"/>
      <c r="B8" s="39"/>
      <c r="C8" s="39"/>
      <c r="D8" s="11"/>
      <c r="E8" s="11"/>
      <c r="F8" s="169"/>
      <c r="G8" s="11"/>
      <c r="H8" s="11"/>
      <c r="I8" s="11"/>
      <c r="J8" s="11"/>
      <c r="K8" s="13"/>
    </row>
    <row r="9" spans="1:22" ht="26.25" customHeight="1">
      <c r="A9" s="37"/>
      <c r="B9" s="82" t="s">
        <v>96</v>
      </c>
      <c r="C9" s="39"/>
      <c r="D9" s="149">
        <v>9231177</v>
      </c>
      <c r="E9" s="170">
        <v>100</v>
      </c>
      <c r="F9" s="171">
        <v>-5160</v>
      </c>
      <c r="G9" s="172">
        <v>-0.06</v>
      </c>
      <c r="H9" s="149">
        <v>-29983</v>
      </c>
      <c r="I9" s="172">
        <v>-0.32</v>
      </c>
      <c r="J9" s="149">
        <v>24823</v>
      </c>
      <c r="K9" s="173">
        <v>0.27</v>
      </c>
    </row>
    <row r="10" spans="1:22" ht="26.25" customHeight="1">
      <c r="A10" s="37"/>
      <c r="B10" s="82" t="s">
        <v>194</v>
      </c>
      <c r="C10" s="39"/>
      <c r="D10" s="149">
        <v>3772029</v>
      </c>
      <c r="E10" s="170">
        <v>40.861842428110741</v>
      </c>
      <c r="F10" s="171">
        <v>-4257</v>
      </c>
      <c r="G10" s="172">
        <v>-0.11</v>
      </c>
      <c r="H10" s="149">
        <v>-11457</v>
      </c>
      <c r="I10" s="172">
        <v>-0.3</v>
      </c>
      <c r="J10" s="149">
        <v>7200</v>
      </c>
      <c r="K10" s="173">
        <v>0.19</v>
      </c>
    </row>
    <row r="11" spans="1:22" ht="26.25" customHeight="1">
      <c r="A11" s="37"/>
      <c r="B11" s="82" t="s">
        <v>195</v>
      </c>
      <c r="C11" s="39"/>
      <c r="D11" s="149">
        <v>1538825</v>
      </c>
      <c r="E11" s="170">
        <v>16.669867775257693</v>
      </c>
      <c r="F11" s="171">
        <v>692</v>
      </c>
      <c r="G11" s="172">
        <v>0.04</v>
      </c>
      <c r="H11" s="149">
        <v>-156</v>
      </c>
      <c r="I11" s="172">
        <v>-0.01</v>
      </c>
      <c r="J11" s="149">
        <v>848</v>
      </c>
      <c r="K11" s="173">
        <v>0.06</v>
      </c>
    </row>
    <row r="12" spans="1:22" ht="26.25" customHeight="1">
      <c r="A12" s="37"/>
      <c r="B12" s="82" t="s">
        <v>196</v>
      </c>
      <c r="C12" s="39"/>
      <c r="D12" s="149">
        <v>685839</v>
      </c>
      <c r="E12" s="170">
        <v>7.4295942976719003</v>
      </c>
      <c r="F12" s="171">
        <v>-4919</v>
      </c>
      <c r="G12" s="172">
        <v>-0.71</v>
      </c>
      <c r="H12" s="149">
        <v>-5686</v>
      </c>
      <c r="I12" s="172">
        <v>-0.82</v>
      </c>
      <c r="J12" s="149">
        <v>767</v>
      </c>
      <c r="K12" s="173">
        <v>0.11</v>
      </c>
    </row>
    <row r="13" spans="1:22" ht="26.25" customHeight="1">
      <c r="A13" s="37"/>
      <c r="B13" s="82" t="s">
        <v>198</v>
      </c>
      <c r="C13" s="39"/>
      <c r="D13" s="149">
        <v>1586768</v>
      </c>
      <c r="E13" s="170">
        <v>17.228485143013533</v>
      </c>
      <c r="F13" s="171">
        <v>2129</v>
      </c>
      <c r="G13" s="172">
        <v>0.13</v>
      </c>
      <c r="H13" s="149">
        <v>-4997</v>
      </c>
      <c r="I13" s="172">
        <v>-0.32</v>
      </c>
      <c r="J13" s="149">
        <v>7126</v>
      </c>
      <c r="K13" s="173">
        <v>0.45</v>
      </c>
    </row>
    <row r="14" spans="1:22" ht="26.25" customHeight="1">
      <c r="A14" s="37"/>
      <c r="B14" s="82" t="s">
        <v>199</v>
      </c>
      <c r="C14" s="39"/>
      <c r="D14" s="149">
        <v>1313636</v>
      </c>
      <c r="E14" s="170">
        <v>14.23042803750811</v>
      </c>
      <c r="F14" s="171">
        <v>3234</v>
      </c>
      <c r="G14" s="172">
        <v>0.25</v>
      </c>
      <c r="H14" s="149">
        <v>-5088</v>
      </c>
      <c r="I14" s="172">
        <v>-0.39</v>
      </c>
      <c r="J14" s="149">
        <v>8322</v>
      </c>
      <c r="K14" s="173">
        <v>0.64</v>
      </c>
    </row>
    <row r="15" spans="1:22" s="70" customFormat="1" ht="26.25" customHeight="1">
      <c r="A15" s="37"/>
      <c r="B15" s="82" t="s">
        <v>202</v>
      </c>
      <c r="C15" s="39"/>
      <c r="D15" s="149">
        <v>334080</v>
      </c>
      <c r="E15" s="170">
        <v>3.6190401289023058</v>
      </c>
      <c r="F15" s="171">
        <v>-2039</v>
      </c>
      <c r="G15" s="172">
        <v>-0.61</v>
      </c>
      <c r="H15" s="149">
        <v>-2599</v>
      </c>
      <c r="I15" s="172">
        <v>-0.77</v>
      </c>
      <c r="J15" s="149">
        <v>560</v>
      </c>
      <c r="K15" s="173">
        <v>0.17</v>
      </c>
      <c r="S15"/>
      <c r="T15"/>
      <c r="U15"/>
      <c r="V15"/>
    </row>
    <row r="16" spans="1:22" s="70" customFormat="1" ht="15" customHeight="1" thickBot="1">
      <c r="A16" s="51"/>
      <c r="B16" s="52"/>
      <c r="C16" s="52"/>
      <c r="D16" s="89"/>
      <c r="E16" s="174"/>
      <c r="F16" s="175"/>
      <c r="G16" s="89"/>
      <c r="H16" s="89"/>
      <c r="I16" s="89"/>
      <c r="J16" s="89"/>
      <c r="K16" s="160"/>
      <c r="S16"/>
      <c r="T16"/>
      <c r="U16"/>
      <c r="V16"/>
    </row>
    <row r="17" spans="1:22" s="70" customFormat="1" ht="11.25" customHeight="1">
      <c r="A17" s="254" t="s">
        <v>208</v>
      </c>
      <c r="B17" s="254"/>
      <c r="C17" s="254"/>
      <c r="D17" s="254"/>
      <c r="E17" s="254"/>
      <c r="F17" s="254"/>
      <c r="G17" s="254"/>
      <c r="H17" s="254"/>
      <c r="I17" s="254"/>
      <c r="J17" s="254"/>
      <c r="K17" s="254"/>
      <c r="S17"/>
      <c r="T17"/>
      <c r="U17"/>
      <c r="V17"/>
    </row>
    <row r="21" spans="1:22" ht="18.75" customHeight="1">
      <c r="A21" s="255" t="s">
        <v>209</v>
      </c>
      <c r="B21" s="255"/>
      <c r="C21" s="255"/>
      <c r="D21" s="255"/>
      <c r="E21" s="255"/>
      <c r="F21" s="255"/>
      <c r="G21" s="255"/>
      <c r="H21" s="255"/>
      <c r="I21" s="255"/>
      <c r="J21" s="255"/>
      <c r="K21" s="255"/>
    </row>
    <row r="22" spans="1:22">
      <c r="A22" s="176"/>
      <c r="B22" s="176"/>
      <c r="C22" s="176"/>
      <c r="D22" s="176"/>
      <c r="E22" s="176"/>
      <c r="F22" s="176"/>
      <c r="G22" s="176"/>
      <c r="H22" s="176"/>
      <c r="I22" s="176"/>
      <c r="J22" s="176"/>
      <c r="K22" s="176"/>
    </row>
    <row r="23" spans="1:22" ht="18.75" customHeight="1">
      <c r="A23" s="176"/>
      <c r="B23" s="177" t="s">
        <v>194</v>
      </c>
      <c r="C23" s="176"/>
      <c r="D23" s="178" t="s">
        <v>210</v>
      </c>
      <c r="E23" s="253" t="s">
        <v>99</v>
      </c>
      <c r="F23" s="253"/>
      <c r="G23" s="253"/>
      <c r="H23" s="253"/>
      <c r="I23" s="253"/>
      <c r="J23" s="253"/>
      <c r="K23" s="253"/>
    </row>
    <row r="24" spans="1:22" ht="18.75" customHeight="1">
      <c r="A24" s="176"/>
      <c r="B24" s="177" t="s">
        <v>195</v>
      </c>
      <c r="C24" s="176"/>
      <c r="D24" s="178" t="s">
        <v>210</v>
      </c>
      <c r="E24" s="253" t="s">
        <v>118</v>
      </c>
      <c r="F24" s="253"/>
      <c r="G24" s="253"/>
      <c r="H24" s="253"/>
      <c r="I24" s="253"/>
      <c r="J24" s="253"/>
      <c r="K24" s="253"/>
    </row>
    <row r="25" spans="1:22" ht="18.75" customHeight="1">
      <c r="A25" s="176"/>
      <c r="B25" s="177" t="s">
        <v>196</v>
      </c>
      <c r="C25" s="176"/>
      <c r="D25" s="178" t="s">
        <v>210</v>
      </c>
      <c r="E25" s="253" t="s">
        <v>211</v>
      </c>
      <c r="F25" s="253"/>
      <c r="G25" s="253"/>
      <c r="H25" s="253"/>
      <c r="I25" s="253"/>
      <c r="J25" s="253"/>
      <c r="K25" s="253"/>
    </row>
    <row r="26" spans="1:22" ht="18.75" customHeight="1">
      <c r="A26" s="176"/>
      <c r="B26" s="177" t="s">
        <v>198</v>
      </c>
      <c r="C26" s="176"/>
      <c r="D26" s="178" t="s">
        <v>210</v>
      </c>
      <c r="E26" s="253" t="s">
        <v>212</v>
      </c>
      <c r="F26" s="253"/>
      <c r="G26" s="253"/>
      <c r="H26" s="253"/>
      <c r="I26" s="253"/>
      <c r="J26" s="253"/>
      <c r="K26" s="253"/>
    </row>
    <row r="27" spans="1:22" ht="18.75" customHeight="1">
      <c r="A27" s="176"/>
      <c r="B27" s="177" t="s">
        <v>199</v>
      </c>
      <c r="C27" s="176"/>
      <c r="D27" s="178" t="s">
        <v>210</v>
      </c>
      <c r="E27" s="253" t="s">
        <v>213</v>
      </c>
      <c r="F27" s="253"/>
      <c r="G27" s="253"/>
      <c r="H27" s="253"/>
      <c r="I27" s="253"/>
      <c r="J27" s="253"/>
      <c r="K27" s="253"/>
    </row>
    <row r="28" spans="1:22" ht="18.75" customHeight="1">
      <c r="A28" s="176"/>
      <c r="B28" s="177" t="s">
        <v>202</v>
      </c>
      <c r="C28" s="176"/>
      <c r="D28" s="178" t="s">
        <v>210</v>
      </c>
      <c r="E28" s="253" t="s">
        <v>214</v>
      </c>
      <c r="F28" s="253"/>
      <c r="G28" s="253"/>
      <c r="H28" s="253"/>
      <c r="I28" s="253"/>
      <c r="J28" s="253"/>
      <c r="K28" s="253"/>
    </row>
  </sheetData>
  <mergeCells count="17">
    <mergeCell ref="A1:K1"/>
    <mergeCell ref="A3:C3"/>
    <mergeCell ref="I3:K3"/>
    <mergeCell ref="A4:C6"/>
    <mergeCell ref="D4:D6"/>
    <mergeCell ref="E4:E6"/>
    <mergeCell ref="F4:F6"/>
    <mergeCell ref="H5:H6"/>
    <mergeCell ref="J5:J6"/>
    <mergeCell ref="E27:K27"/>
    <mergeCell ref="E28:K28"/>
    <mergeCell ref="A17:K17"/>
    <mergeCell ref="A21:K21"/>
    <mergeCell ref="E23:K23"/>
    <mergeCell ref="E24:K24"/>
    <mergeCell ref="E25:K25"/>
    <mergeCell ref="E26:K26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86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18" ht="18.75" customHeight="1">
      <c r="A1" s="201" t="s">
        <v>215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18" ht="15" customHeight="1" thickBot="1">
      <c r="A2" s="202" t="s">
        <v>216</v>
      </c>
      <c r="B2" s="202"/>
      <c r="C2" s="202"/>
      <c r="I2" s="262" t="s">
        <v>217</v>
      </c>
      <c r="J2" s="262"/>
      <c r="K2" s="262"/>
    </row>
    <row r="3" spans="1:18" ht="15" customHeight="1">
      <c r="A3" s="203" t="s">
        <v>92</v>
      </c>
      <c r="B3" s="204"/>
      <c r="C3" s="204"/>
      <c r="D3" s="225" t="s">
        <v>3</v>
      </c>
      <c r="E3" s="225"/>
      <c r="F3" s="225"/>
      <c r="G3" s="209" t="s">
        <v>5</v>
      </c>
      <c r="H3" s="256" t="s">
        <v>218</v>
      </c>
      <c r="I3" s="256" t="s">
        <v>219</v>
      </c>
      <c r="J3" s="256" t="s">
        <v>220</v>
      </c>
      <c r="K3" s="218" t="s">
        <v>221</v>
      </c>
    </row>
    <row r="4" spans="1:18" ht="15" customHeight="1">
      <c r="A4" s="207"/>
      <c r="B4" s="208"/>
      <c r="C4" s="208"/>
      <c r="D4" s="73" t="s">
        <v>49</v>
      </c>
      <c r="E4" s="73" t="s">
        <v>173</v>
      </c>
      <c r="F4" s="73" t="s">
        <v>174</v>
      </c>
      <c r="G4" s="211"/>
      <c r="H4" s="211"/>
      <c r="I4" s="211"/>
      <c r="J4" s="211"/>
      <c r="K4" s="220"/>
    </row>
    <row r="5" spans="1:18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/>
      <c r="K5" s="13" t="s">
        <v>11</v>
      </c>
    </row>
    <row r="6" spans="1:18" ht="9.75" customHeight="1">
      <c r="A6" s="246" t="s">
        <v>96</v>
      </c>
      <c r="B6" s="247"/>
      <c r="C6" s="16"/>
      <c r="D6" s="17">
        <v>9231177</v>
      </c>
      <c r="E6" s="17">
        <v>4579919</v>
      </c>
      <c r="F6" s="17">
        <v>4651258</v>
      </c>
      <c r="G6" s="17">
        <v>4266757</v>
      </c>
      <c r="H6" s="179">
        <v>2.1635113037841154</v>
      </c>
      <c r="I6" s="17">
        <v>3820.677452599426</v>
      </c>
      <c r="J6" s="180">
        <v>98.466242896007913</v>
      </c>
      <c r="K6" s="181">
        <v>100</v>
      </c>
    </row>
    <row r="7" spans="1:18" s="30" customFormat="1" ht="9.75" customHeight="1">
      <c r="A7" s="248" t="s">
        <v>97</v>
      </c>
      <c r="B7" s="249"/>
      <c r="C7" s="32"/>
      <c r="D7" s="146">
        <v>8943901</v>
      </c>
      <c r="E7" s="146">
        <v>4438627</v>
      </c>
      <c r="F7" s="146">
        <v>4505274</v>
      </c>
      <c r="G7" s="146">
        <v>4144948</v>
      </c>
      <c r="H7" s="182">
        <v>2.1577836440891418</v>
      </c>
      <c r="I7" s="146">
        <v>4941.9551439669794</v>
      </c>
      <c r="J7" s="183">
        <v>98.520689307686951</v>
      </c>
      <c r="K7" s="184">
        <v>96.887980806781187</v>
      </c>
      <c r="L7" s="29"/>
      <c r="M7" s="29"/>
      <c r="N7" s="29"/>
      <c r="O7" s="29"/>
      <c r="P7" s="29"/>
      <c r="Q7" s="29"/>
      <c r="R7" s="29"/>
    </row>
    <row r="8" spans="1:18" s="30" customFormat="1" ht="9.75" customHeight="1">
      <c r="A8" s="248" t="s">
        <v>98</v>
      </c>
      <c r="B8" s="249"/>
      <c r="C8" s="32"/>
      <c r="D8" s="146">
        <v>287276</v>
      </c>
      <c r="E8" s="146">
        <v>141292</v>
      </c>
      <c r="F8" s="146">
        <v>145984</v>
      </c>
      <c r="G8" s="146">
        <v>121809</v>
      </c>
      <c r="H8" s="182">
        <v>2.3584135819192342</v>
      </c>
      <c r="I8" s="146">
        <v>473.81042700928572</v>
      </c>
      <c r="J8" s="183">
        <v>96.7859491451118</v>
      </c>
      <c r="K8" s="184">
        <v>3.1120191932188059</v>
      </c>
      <c r="L8" s="29"/>
      <c r="M8" s="29"/>
      <c r="N8" s="29"/>
      <c r="O8" s="29"/>
      <c r="P8" s="29"/>
      <c r="Q8" s="29"/>
      <c r="R8" s="29"/>
    </row>
    <row r="9" spans="1:18" ht="3.75" customHeight="1">
      <c r="A9" s="37"/>
      <c r="B9" s="82"/>
      <c r="C9" s="39"/>
      <c r="D9" s="149"/>
      <c r="E9" s="149"/>
      <c r="F9" s="149"/>
      <c r="G9" s="149"/>
      <c r="H9" s="172"/>
      <c r="I9" s="149"/>
      <c r="J9" s="185"/>
      <c r="K9" s="186"/>
    </row>
    <row r="10" spans="1:18" ht="9.75" customHeight="1">
      <c r="A10" s="242" t="s">
        <v>99</v>
      </c>
      <c r="B10" s="243"/>
      <c r="C10" s="46"/>
      <c r="D10" s="152">
        <v>3772029</v>
      </c>
      <c r="E10" s="152">
        <v>1862325</v>
      </c>
      <c r="F10" s="152">
        <v>1909704</v>
      </c>
      <c r="G10" s="152">
        <v>1766617</v>
      </c>
      <c r="H10" s="187">
        <v>2.1351707812163023</v>
      </c>
      <c r="I10" s="152">
        <v>8617.6441022594881</v>
      </c>
      <c r="J10" s="188">
        <v>97.519039599854224</v>
      </c>
      <c r="K10" s="189">
        <v>40.861842428110741</v>
      </c>
    </row>
    <row r="11" spans="1:18" ht="9.75" customHeight="1">
      <c r="A11" s="37"/>
      <c r="B11" s="82" t="s">
        <v>100</v>
      </c>
      <c r="C11" s="39"/>
      <c r="D11" s="149">
        <v>295580</v>
      </c>
      <c r="E11" s="149">
        <v>152335</v>
      </c>
      <c r="F11" s="149">
        <v>143245</v>
      </c>
      <c r="G11" s="149">
        <v>145521</v>
      </c>
      <c r="H11" s="172">
        <v>2.0311845025803836</v>
      </c>
      <c r="I11" s="149">
        <v>8894.974420704184</v>
      </c>
      <c r="J11" s="185">
        <v>106.34577123110753</v>
      </c>
      <c r="K11" s="186">
        <v>3.2019752194113495</v>
      </c>
    </row>
    <row r="12" spans="1:18" ht="9.75" customHeight="1">
      <c r="A12" s="37"/>
      <c r="B12" s="82" t="s">
        <v>101</v>
      </c>
      <c r="C12" s="39"/>
      <c r="D12" s="149">
        <v>247444</v>
      </c>
      <c r="E12" s="149">
        <v>126161</v>
      </c>
      <c r="F12" s="149">
        <v>121283</v>
      </c>
      <c r="G12" s="149">
        <v>130387</v>
      </c>
      <c r="H12" s="172">
        <v>1.8977658815679477</v>
      </c>
      <c r="I12" s="149">
        <v>10431.871838111299</v>
      </c>
      <c r="J12" s="185">
        <v>104.02199813658963</v>
      </c>
      <c r="K12" s="186">
        <v>2.6805249211449418</v>
      </c>
    </row>
    <row r="13" spans="1:18" ht="9.75" customHeight="1">
      <c r="A13" s="37"/>
      <c r="B13" s="82" t="s">
        <v>102</v>
      </c>
      <c r="C13" s="39"/>
      <c r="D13" s="149">
        <v>104483</v>
      </c>
      <c r="E13" s="149">
        <v>52764</v>
      </c>
      <c r="F13" s="149">
        <v>51719</v>
      </c>
      <c r="G13" s="149">
        <v>57244</v>
      </c>
      <c r="H13" s="172">
        <v>1.8252218573125567</v>
      </c>
      <c r="I13" s="149">
        <v>14862.446657183498</v>
      </c>
      <c r="J13" s="185">
        <v>102.0205340397146</v>
      </c>
      <c r="K13" s="186">
        <v>1.1318491672297042</v>
      </c>
    </row>
    <row r="14" spans="1:18" ht="9.75" customHeight="1">
      <c r="A14" s="37"/>
      <c r="B14" s="82" t="s">
        <v>103</v>
      </c>
      <c r="C14" s="39"/>
      <c r="D14" s="149">
        <v>150271</v>
      </c>
      <c r="E14" s="149">
        <v>76475</v>
      </c>
      <c r="F14" s="149">
        <v>73796</v>
      </c>
      <c r="G14" s="149">
        <v>84877</v>
      </c>
      <c r="H14" s="172">
        <v>1.770456071727323</v>
      </c>
      <c r="I14" s="149">
        <v>7008.9085820895516</v>
      </c>
      <c r="J14" s="185">
        <v>103.6302780638517</v>
      </c>
      <c r="K14" s="186">
        <v>1.6278639224445595</v>
      </c>
    </row>
    <row r="15" spans="1:18" ht="9.75" customHeight="1">
      <c r="A15" s="37"/>
      <c r="B15" s="82" t="s">
        <v>104</v>
      </c>
      <c r="C15" s="39"/>
      <c r="D15" s="149">
        <v>197517</v>
      </c>
      <c r="E15" s="149">
        <v>98564</v>
      </c>
      <c r="F15" s="149">
        <v>98953</v>
      </c>
      <c r="G15" s="149">
        <v>104546</v>
      </c>
      <c r="H15" s="172">
        <v>1.889283186348593</v>
      </c>
      <c r="I15" s="149">
        <v>15613.99209486166</v>
      </c>
      <c r="J15" s="185">
        <v>99.606884076278632</v>
      </c>
      <c r="K15" s="186">
        <v>2.1396729799461109</v>
      </c>
    </row>
    <row r="16" spans="1:18" ht="9.75" customHeight="1">
      <c r="A16" s="37"/>
      <c r="B16" s="82" t="s">
        <v>105</v>
      </c>
      <c r="C16" s="39"/>
      <c r="D16" s="149">
        <v>215222</v>
      </c>
      <c r="E16" s="149">
        <v>104900</v>
      </c>
      <c r="F16" s="149">
        <v>110322</v>
      </c>
      <c r="G16" s="149">
        <v>96561</v>
      </c>
      <c r="H16" s="172">
        <v>2.2288708691914954</v>
      </c>
      <c r="I16" s="149">
        <v>10815.175879396986</v>
      </c>
      <c r="J16" s="185">
        <v>95.085295770562539</v>
      </c>
      <c r="K16" s="186">
        <v>2.3314686740379913</v>
      </c>
    </row>
    <row r="17" spans="1:11" ht="9.75" customHeight="1">
      <c r="A17" s="37"/>
      <c r="B17" s="82" t="s">
        <v>106</v>
      </c>
      <c r="C17" s="39"/>
      <c r="D17" s="149">
        <v>206631</v>
      </c>
      <c r="E17" s="149">
        <v>101211</v>
      </c>
      <c r="F17" s="149">
        <v>105420</v>
      </c>
      <c r="G17" s="149">
        <v>99615</v>
      </c>
      <c r="H17" s="172">
        <v>2.0742960397530492</v>
      </c>
      <c r="I17" s="149">
        <v>9422.2982216142263</v>
      </c>
      <c r="J17" s="185">
        <v>96.007398975526471</v>
      </c>
      <c r="K17" s="186">
        <v>2.2384036185201519</v>
      </c>
    </row>
    <row r="18" spans="1:11" ht="9.75" customHeight="1">
      <c r="A18" s="37"/>
      <c r="B18" s="82" t="s">
        <v>107</v>
      </c>
      <c r="C18" s="39"/>
      <c r="D18" s="149">
        <v>243359</v>
      </c>
      <c r="E18" s="149">
        <v>117399</v>
      </c>
      <c r="F18" s="149">
        <v>125960</v>
      </c>
      <c r="G18" s="149">
        <v>107254</v>
      </c>
      <c r="H18" s="172">
        <v>2.268996960486322</v>
      </c>
      <c r="I18" s="149">
        <v>7435.3498319584487</v>
      </c>
      <c r="J18" s="185">
        <v>93.203397904096548</v>
      </c>
      <c r="K18" s="186">
        <v>2.6362727093197322</v>
      </c>
    </row>
    <row r="19" spans="1:11" ht="9.75" customHeight="1">
      <c r="A19" s="37"/>
      <c r="B19" s="82" t="s">
        <v>108</v>
      </c>
      <c r="C19" s="39"/>
      <c r="D19" s="149">
        <v>166260</v>
      </c>
      <c r="E19" s="149">
        <v>81745</v>
      </c>
      <c r="F19" s="149">
        <v>84515</v>
      </c>
      <c r="G19" s="149">
        <v>79156</v>
      </c>
      <c r="H19" s="172">
        <v>2.1004093183081509</v>
      </c>
      <c r="I19" s="149">
        <v>8727.5590551181103</v>
      </c>
      <c r="J19" s="185">
        <v>96.722475300242564</v>
      </c>
      <c r="K19" s="186">
        <v>1.8010704377134139</v>
      </c>
    </row>
    <row r="20" spans="1:11" ht="9.75" customHeight="1">
      <c r="A20" s="37"/>
      <c r="B20" s="82" t="s">
        <v>109</v>
      </c>
      <c r="C20" s="39"/>
      <c r="D20" s="149">
        <v>197646</v>
      </c>
      <c r="E20" s="149">
        <v>96120</v>
      </c>
      <c r="F20" s="149">
        <v>101526</v>
      </c>
      <c r="G20" s="149">
        <v>90406</v>
      </c>
      <c r="H20" s="172">
        <v>2.1862044554564961</v>
      </c>
      <c r="I20" s="149">
        <v>6383.9147286821708</v>
      </c>
      <c r="J20" s="185">
        <v>94.675255599550852</v>
      </c>
      <c r="K20" s="186">
        <v>2.1410704182142757</v>
      </c>
    </row>
    <row r="21" spans="1:11" ht="9.75" customHeight="1">
      <c r="A21" s="37"/>
      <c r="B21" s="82" t="s">
        <v>110</v>
      </c>
      <c r="C21" s="39"/>
      <c r="D21" s="149">
        <v>359521</v>
      </c>
      <c r="E21" s="149">
        <v>179335</v>
      </c>
      <c r="F21" s="149">
        <v>180186</v>
      </c>
      <c r="G21" s="149">
        <v>176936</v>
      </c>
      <c r="H21" s="172">
        <v>2.0319267983903786</v>
      </c>
      <c r="I21" s="149">
        <v>11449.713375796178</v>
      </c>
      <c r="J21" s="185">
        <v>99.527710254958762</v>
      </c>
      <c r="K21" s="186">
        <v>3.8946387876648885</v>
      </c>
    </row>
    <row r="22" spans="1:11" ht="9.75" customHeight="1">
      <c r="A22" s="37"/>
      <c r="B22" s="82" t="s">
        <v>111</v>
      </c>
      <c r="C22" s="39"/>
      <c r="D22" s="149">
        <v>183222</v>
      </c>
      <c r="E22" s="149">
        <v>90027</v>
      </c>
      <c r="F22" s="149">
        <v>93195</v>
      </c>
      <c r="G22" s="149">
        <v>80278</v>
      </c>
      <c r="H22" s="172">
        <v>2.2823438551035151</v>
      </c>
      <c r="I22" s="149">
        <v>7182.3598588788709</v>
      </c>
      <c r="J22" s="185">
        <v>96.600676001931433</v>
      </c>
      <c r="K22" s="186">
        <v>1.9848173206948583</v>
      </c>
    </row>
    <row r="23" spans="1:11" ht="9.75" customHeight="1">
      <c r="A23" s="37"/>
      <c r="B23" s="82" t="s">
        <v>112</v>
      </c>
      <c r="C23" s="39"/>
      <c r="D23" s="149">
        <v>311146</v>
      </c>
      <c r="E23" s="149">
        <v>150136</v>
      </c>
      <c r="F23" s="149">
        <v>161010</v>
      </c>
      <c r="G23" s="149">
        <v>134290</v>
      </c>
      <c r="H23" s="172">
        <v>2.3169707349765432</v>
      </c>
      <c r="I23" s="149">
        <v>8834.3554798410005</v>
      </c>
      <c r="J23" s="185">
        <v>93.246382212284956</v>
      </c>
      <c r="K23" s="186">
        <v>3.3705994371031993</v>
      </c>
    </row>
    <row r="24" spans="1:11" ht="9.75" customHeight="1">
      <c r="A24" s="37"/>
      <c r="B24" s="82" t="s">
        <v>113</v>
      </c>
      <c r="C24" s="39"/>
      <c r="D24" s="149">
        <v>214891</v>
      </c>
      <c r="E24" s="149">
        <v>105270</v>
      </c>
      <c r="F24" s="149">
        <v>109621</v>
      </c>
      <c r="G24" s="149">
        <v>86320</v>
      </c>
      <c r="H24" s="172">
        <v>2.4894694161260427</v>
      </c>
      <c r="I24" s="149">
        <v>7710.4772156440613</v>
      </c>
      <c r="J24" s="185">
        <v>96.030869997536968</v>
      </c>
      <c r="K24" s="186">
        <v>2.3278829991018481</v>
      </c>
    </row>
    <row r="25" spans="1:11" ht="9.75" customHeight="1">
      <c r="A25" s="37"/>
      <c r="B25" s="82" t="s">
        <v>114</v>
      </c>
      <c r="C25" s="39"/>
      <c r="D25" s="149">
        <v>284084</v>
      </c>
      <c r="E25" s="149">
        <v>138420</v>
      </c>
      <c r="F25" s="149">
        <v>145664</v>
      </c>
      <c r="G25" s="149">
        <v>123355</v>
      </c>
      <c r="H25" s="172">
        <v>2.3029792063556402</v>
      </c>
      <c r="I25" s="149">
        <v>7937.5244481698801</v>
      </c>
      <c r="J25" s="185">
        <v>95.026911247803156</v>
      </c>
      <c r="K25" s="186">
        <v>3.0774407207228287</v>
      </c>
    </row>
    <row r="26" spans="1:11" ht="9.75" customHeight="1">
      <c r="A26" s="37"/>
      <c r="B26" s="82" t="s">
        <v>115</v>
      </c>
      <c r="C26" s="39"/>
      <c r="D26" s="149">
        <v>120613</v>
      </c>
      <c r="E26" s="149">
        <v>58765</v>
      </c>
      <c r="F26" s="149">
        <v>61848</v>
      </c>
      <c r="G26" s="149">
        <v>53366</v>
      </c>
      <c r="H26" s="172">
        <v>2.2601094329723046</v>
      </c>
      <c r="I26" s="149">
        <v>6512.5809935205189</v>
      </c>
      <c r="J26" s="185">
        <v>95.015198551287028</v>
      </c>
      <c r="K26" s="186">
        <v>1.3065831150242271</v>
      </c>
    </row>
    <row r="27" spans="1:11" ht="9.75" customHeight="1">
      <c r="A27" s="37"/>
      <c r="B27" s="82" t="s">
        <v>116</v>
      </c>
      <c r="C27" s="39"/>
      <c r="D27" s="149">
        <v>152087</v>
      </c>
      <c r="E27" s="149">
        <v>73689</v>
      </c>
      <c r="F27" s="149">
        <v>78398</v>
      </c>
      <c r="G27" s="149">
        <v>63514</v>
      </c>
      <c r="H27" s="172">
        <v>2.3945429354158136</v>
      </c>
      <c r="I27" s="149">
        <v>6449.8303647158609</v>
      </c>
      <c r="J27" s="185">
        <v>93.993469221153603</v>
      </c>
      <c r="K27" s="186">
        <v>1.647536386746782</v>
      </c>
    </row>
    <row r="28" spans="1:11" ht="9.75" customHeight="1">
      <c r="A28" s="37"/>
      <c r="B28" s="82" t="s">
        <v>117</v>
      </c>
      <c r="C28" s="39"/>
      <c r="D28" s="149">
        <v>122052</v>
      </c>
      <c r="E28" s="149">
        <v>59009</v>
      </c>
      <c r="F28" s="149">
        <v>63043</v>
      </c>
      <c r="G28" s="149">
        <v>52991</v>
      </c>
      <c r="H28" s="172">
        <v>2.3032590439886018</v>
      </c>
      <c r="I28" s="149">
        <v>7108.4449621432723</v>
      </c>
      <c r="J28" s="185">
        <v>93.60119283663532</v>
      </c>
      <c r="K28" s="186">
        <v>1.3221715930698761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72"/>
      <c r="I29" s="149"/>
      <c r="J29" s="185"/>
      <c r="K29" s="186"/>
    </row>
    <row r="30" spans="1:11" ht="9.75" customHeight="1">
      <c r="A30" s="242" t="s">
        <v>118</v>
      </c>
      <c r="B30" s="243"/>
      <c r="C30" s="46"/>
      <c r="D30" s="152">
        <v>1538825</v>
      </c>
      <c r="E30" s="152">
        <v>774902</v>
      </c>
      <c r="F30" s="152">
        <v>763923</v>
      </c>
      <c r="G30" s="152">
        <v>754576</v>
      </c>
      <c r="H30" s="187">
        <v>2.0393240707364138</v>
      </c>
      <c r="I30" s="152">
        <v>10760.261520173415</v>
      </c>
      <c r="J30" s="188">
        <v>101.43718673217066</v>
      </c>
      <c r="K30" s="189">
        <v>16.669867775257693</v>
      </c>
    </row>
    <row r="31" spans="1:11" ht="9.75" customHeight="1">
      <c r="A31" s="37"/>
      <c r="B31" s="82" t="s">
        <v>119</v>
      </c>
      <c r="C31" s="39"/>
      <c r="D31" s="149">
        <v>230553</v>
      </c>
      <c r="E31" s="149">
        <v>123835</v>
      </c>
      <c r="F31" s="149">
        <v>106718</v>
      </c>
      <c r="G31" s="149">
        <v>123290</v>
      </c>
      <c r="H31" s="172">
        <v>1.8700056776705329</v>
      </c>
      <c r="I31" s="149">
        <v>5832.3551732861115</v>
      </c>
      <c r="J31" s="185">
        <v>116.0394685057816</v>
      </c>
      <c r="K31" s="186">
        <v>2.4975471708537276</v>
      </c>
    </row>
    <row r="32" spans="1:11" ht="9.75" customHeight="1">
      <c r="A32" s="37"/>
      <c r="B32" s="82" t="s">
        <v>120</v>
      </c>
      <c r="C32" s="39"/>
      <c r="D32" s="149">
        <v>171272</v>
      </c>
      <c r="E32" s="149">
        <v>86533</v>
      </c>
      <c r="F32" s="149">
        <v>84739</v>
      </c>
      <c r="G32" s="149">
        <v>80522</v>
      </c>
      <c r="H32" s="172">
        <v>2.1270211867564144</v>
      </c>
      <c r="I32" s="149">
        <v>17110.089910089911</v>
      </c>
      <c r="J32" s="185">
        <v>102.11708894369771</v>
      </c>
      <c r="K32" s="186">
        <v>1.8553647059307823</v>
      </c>
    </row>
    <row r="33" spans="1:11" ht="9.75" customHeight="1">
      <c r="A33" s="37"/>
      <c r="B33" s="82" t="s">
        <v>121</v>
      </c>
      <c r="C33" s="39"/>
      <c r="D33" s="149">
        <v>264214</v>
      </c>
      <c r="E33" s="149">
        <v>133771</v>
      </c>
      <c r="F33" s="149">
        <v>130443</v>
      </c>
      <c r="G33" s="149">
        <v>135997</v>
      </c>
      <c r="H33" s="172">
        <v>1.9427928557247587</v>
      </c>
      <c r="I33" s="149">
        <v>17924.96607869742</v>
      </c>
      <c r="J33" s="185">
        <v>102.55130593439279</v>
      </c>
      <c r="K33" s="186">
        <v>2.8621918960063271</v>
      </c>
    </row>
    <row r="34" spans="1:11" ht="9.75" customHeight="1">
      <c r="A34" s="37"/>
      <c r="B34" s="82" t="s">
        <v>122</v>
      </c>
      <c r="C34" s="39"/>
      <c r="D34" s="149">
        <v>234478</v>
      </c>
      <c r="E34" s="149">
        <v>116257</v>
      </c>
      <c r="F34" s="149">
        <v>118221</v>
      </c>
      <c r="G34" s="149">
        <v>114918</v>
      </c>
      <c r="H34" s="172">
        <v>2.0403940200838857</v>
      </c>
      <c r="I34" s="149">
        <v>14332.396088019561</v>
      </c>
      <c r="J34" s="185">
        <v>98.338704629465155</v>
      </c>
      <c r="K34" s="186">
        <v>2.540066125912221</v>
      </c>
    </row>
    <row r="35" spans="1:11" ht="9.75" customHeight="1">
      <c r="A35" s="37"/>
      <c r="B35" s="82" t="s">
        <v>123</v>
      </c>
      <c r="C35" s="39"/>
      <c r="D35" s="149">
        <v>234394</v>
      </c>
      <c r="E35" s="149">
        <v>113621</v>
      </c>
      <c r="F35" s="149">
        <v>120773</v>
      </c>
      <c r="G35" s="149">
        <v>103724</v>
      </c>
      <c r="H35" s="172">
        <v>2.2597855848212562</v>
      </c>
      <c r="I35" s="149">
        <v>12595.056421278883</v>
      </c>
      <c r="J35" s="185">
        <v>94.078146605615501</v>
      </c>
      <c r="K35" s="186">
        <v>2.5391561661096955</v>
      </c>
    </row>
    <row r="36" spans="1:11" ht="9.75" customHeight="1">
      <c r="A36" s="37"/>
      <c r="B36" s="82" t="s">
        <v>124</v>
      </c>
      <c r="C36" s="39"/>
      <c r="D36" s="149">
        <v>223088</v>
      </c>
      <c r="E36" s="149">
        <v>113612</v>
      </c>
      <c r="F36" s="149">
        <v>109476</v>
      </c>
      <c r="G36" s="149">
        <v>115760</v>
      </c>
      <c r="H36" s="172">
        <v>1.9271596406357983</v>
      </c>
      <c r="I36" s="149">
        <v>10882.341463414634</v>
      </c>
      <c r="J36" s="185">
        <v>103.77799700390953</v>
      </c>
      <c r="K36" s="186">
        <v>2.4166799098316498</v>
      </c>
    </row>
    <row r="37" spans="1:11" ht="9.75" customHeight="1">
      <c r="A37" s="37"/>
      <c r="B37" s="82" t="s">
        <v>125</v>
      </c>
      <c r="C37" s="39"/>
      <c r="D37" s="149">
        <v>180826</v>
      </c>
      <c r="E37" s="149">
        <v>87273</v>
      </c>
      <c r="F37" s="149">
        <v>93553</v>
      </c>
      <c r="G37" s="149">
        <v>80365</v>
      </c>
      <c r="H37" s="172">
        <v>2.250059105331923</v>
      </c>
      <c r="I37" s="149">
        <v>7777.4623655913974</v>
      </c>
      <c r="J37" s="185">
        <v>93.287227560847867</v>
      </c>
      <c r="K37" s="186">
        <v>1.9588618006132912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72"/>
      <c r="I38" s="149"/>
      <c r="J38" s="185"/>
      <c r="K38" s="186"/>
    </row>
    <row r="39" spans="1:11" ht="9.75" customHeight="1">
      <c r="A39" s="242" t="s">
        <v>126</v>
      </c>
      <c r="B39" s="243"/>
      <c r="C39" s="46"/>
      <c r="D39" s="152">
        <v>726025</v>
      </c>
      <c r="E39" s="152">
        <v>361887</v>
      </c>
      <c r="F39" s="152">
        <v>364138</v>
      </c>
      <c r="G39" s="152">
        <v>337669</v>
      </c>
      <c r="H39" s="187">
        <v>2.1501085382430722</v>
      </c>
      <c r="I39" s="152">
        <v>2207.3667568635797</v>
      </c>
      <c r="J39" s="188">
        <v>99.381827768593226</v>
      </c>
      <c r="K39" s="189">
        <v>7.8649234003421231</v>
      </c>
    </row>
    <row r="40" spans="1:11" ht="9.75" customHeight="1">
      <c r="A40" s="37"/>
      <c r="B40" s="82" t="s">
        <v>111</v>
      </c>
      <c r="C40" s="39"/>
      <c r="D40" s="149">
        <v>169461</v>
      </c>
      <c r="E40" s="149">
        <v>85121</v>
      </c>
      <c r="F40" s="149">
        <v>84340</v>
      </c>
      <c r="G40" s="149">
        <v>75830</v>
      </c>
      <c r="H40" s="172">
        <v>2.2347487801661612</v>
      </c>
      <c r="I40" s="149">
        <v>667.35320757689124</v>
      </c>
      <c r="J40" s="185">
        <v>100.92601375385345</v>
      </c>
      <c r="K40" s="186">
        <v>1.835746405902519</v>
      </c>
    </row>
    <row r="41" spans="1:11" ht="9.75" customHeight="1">
      <c r="A41" s="37"/>
      <c r="B41" s="82" t="s">
        <v>127</v>
      </c>
      <c r="C41" s="39"/>
      <c r="D41" s="149">
        <v>274070</v>
      </c>
      <c r="E41" s="149">
        <v>136978</v>
      </c>
      <c r="F41" s="149">
        <v>137092</v>
      </c>
      <c r="G41" s="149">
        <v>126705</v>
      </c>
      <c r="H41" s="172">
        <v>2.1630559172881889</v>
      </c>
      <c r="I41" s="149">
        <v>7433.4147002983464</v>
      </c>
      <c r="J41" s="185">
        <v>99.916844163043791</v>
      </c>
      <c r="K41" s="186">
        <v>2.9689605128360124</v>
      </c>
    </row>
    <row r="42" spans="1:11" ht="9.75" customHeight="1">
      <c r="A42" s="37"/>
      <c r="B42" s="82" t="s">
        <v>104</v>
      </c>
      <c r="C42" s="39"/>
      <c r="D42" s="149">
        <v>282494</v>
      </c>
      <c r="E42" s="149">
        <v>139788</v>
      </c>
      <c r="F42" s="149">
        <v>142706</v>
      </c>
      <c r="G42" s="149">
        <v>135134</v>
      </c>
      <c r="H42" s="172">
        <v>2.0904731599745436</v>
      </c>
      <c r="I42" s="149">
        <v>7412.595119391236</v>
      </c>
      <c r="J42" s="185">
        <v>97.955236640365513</v>
      </c>
      <c r="K42" s="186">
        <v>3.0602164816035917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72"/>
      <c r="I43" s="149"/>
      <c r="J43" s="185"/>
      <c r="K43" s="186"/>
    </row>
    <row r="44" spans="1:11" ht="9.75" customHeight="1">
      <c r="A44" s="244" t="s">
        <v>128</v>
      </c>
      <c r="B44" s="245"/>
      <c r="C44" s="39"/>
      <c r="D44" s="149">
        <v>383260</v>
      </c>
      <c r="E44" s="149">
        <v>190994</v>
      </c>
      <c r="F44" s="149">
        <v>192266</v>
      </c>
      <c r="G44" s="149">
        <v>165671</v>
      </c>
      <c r="H44" s="172">
        <v>2.3133801329140282</v>
      </c>
      <c r="I44" s="149">
        <v>3801.4282880380879</v>
      </c>
      <c r="J44" s="185">
        <v>99.338416568712091</v>
      </c>
      <c r="K44" s="186">
        <v>4.1517999275715329</v>
      </c>
    </row>
    <row r="45" spans="1:11" ht="9.75" customHeight="1">
      <c r="A45" s="244" t="s">
        <v>129</v>
      </c>
      <c r="B45" s="245"/>
      <c r="C45" s="39"/>
      <c r="D45" s="149">
        <v>257631</v>
      </c>
      <c r="E45" s="149">
        <v>128573</v>
      </c>
      <c r="F45" s="149">
        <v>129058</v>
      </c>
      <c r="G45" s="149">
        <v>113453</v>
      </c>
      <c r="H45" s="172">
        <v>2.2708169902955411</v>
      </c>
      <c r="I45" s="149">
        <v>3798.7466823945742</v>
      </c>
      <c r="J45" s="185">
        <v>99.624199972105572</v>
      </c>
      <c r="K45" s="186">
        <v>2.7908792129107693</v>
      </c>
    </row>
    <row r="46" spans="1:11" ht="9.75" customHeight="1">
      <c r="A46" s="244" t="s">
        <v>130</v>
      </c>
      <c r="B46" s="245"/>
      <c r="C46" s="39"/>
      <c r="D46" s="149">
        <v>172698</v>
      </c>
      <c r="E46" s="149">
        <v>81089</v>
      </c>
      <c r="F46" s="149">
        <v>91609</v>
      </c>
      <c r="G46" s="149">
        <v>76470</v>
      </c>
      <c r="H46" s="172">
        <v>2.2583758336602591</v>
      </c>
      <c r="I46" s="149">
        <v>4353.3652634232412</v>
      </c>
      <c r="J46" s="185">
        <v>88.516412142911733</v>
      </c>
      <c r="K46" s="186">
        <v>1.8708123568641357</v>
      </c>
    </row>
    <row r="47" spans="1:11" ht="9.75" customHeight="1">
      <c r="A47" s="244" t="s">
        <v>131</v>
      </c>
      <c r="B47" s="245"/>
      <c r="C47" s="39"/>
      <c r="D47" s="149">
        <v>441708</v>
      </c>
      <c r="E47" s="149">
        <v>218078</v>
      </c>
      <c r="F47" s="149">
        <v>223630</v>
      </c>
      <c r="G47" s="149">
        <v>197827</v>
      </c>
      <c r="H47" s="172">
        <v>2.2327993651018314</v>
      </c>
      <c r="I47" s="149">
        <v>6350.0287521564114</v>
      </c>
      <c r="J47" s="185">
        <v>97.517327728837813</v>
      </c>
      <c r="K47" s="186">
        <v>4.7849586244527647</v>
      </c>
    </row>
    <row r="48" spans="1:11" ht="9.75" customHeight="1">
      <c r="A48" s="244" t="s">
        <v>132</v>
      </c>
      <c r="B48" s="245"/>
      <c r="C48" s="39"/>
      <c r="D48" s="149">
        <v>188025</v>
      </c>
      <c r="E48" s="149">
        <v>90838</v>
      </c>
      <c r="F48" s="149">
        <v>97187</v>
      </c>
      <c r="G48" s="149">
        <v>82945</v>
      </c>
      <c r="H48" s="172">
        <v>2.2668635843028513</v>
      </c>
      <c r="I48" s="149">
        <v>1655.1496478873241</v>
      </c>
      <c r="J48" s="185">
        <v>93.467233271939662</v>
      </c>
      <c r="K48" s="186">
        <v>2.0368475222607039</v>
      </c>
    </row>
    <row r="49" spans="1:11" ht="9.75" customHeight="1">
      <c r="A49" s="244" t="s">
        <v>133</v>
      </c>
      <c r="B49" s="245"/>
      <c r="C49" s="39"/>
      <c r="D49" s="149">
        <v>243835</v>
      </c>
      <c r="E49" s="149">
        <v>118155</v>
      </c>
      <c r="F49" s="149">
        <v>125680</v>
      </c>
      <c r="G49" s="149">
        <v>104552</v>
      </c>
      <c r="H49" s="172">
        <v>2.3321887673119597</v>
      </c>
      <c r="I49" s="149">
        <v>6830.1120448179263</v>
      </c>
      <c r="J49" s="185">
        <v>94.01257161043921</v>
      </c>
      <c r="K49" s="186">
        <v>2.6414291482007113</v>
      </c>
    </row>
    <row r="50" spans="1:11" ht="9.75" customHeight="1">
      <c r="A50" s="244" t="s">
        <v>134</v>
      </c>
      <c r="B50" s="245"/>
      <c r="C50" s="39"/>
      <c r="D50" s="149">
        <v>56869</v>
      </c>
      <c r="E50" s="149">
        <v>26654</v>
      </c>
      <c r="F50" s="149">
        <v>30215</v>
      </c>
      <c r="G50" s="149">
        <v>25094</v>
      </c>
      <c r="H50" s="172">
        <v>2.2662389415796604</v>
      </c>
      <c r="I50" s="149">
        <v>3291.0300925925922</v>
      </c>
      <c r="J50" s="185">
        <v>88.21446301505874</v>
      </c>
      <c r="K50" s="186">
        <v>0.6160536191647068</v>
      </c>
    </row>
    <row r="51" spans="1:11" ht="9.75" customHeight="1">
      <c r="A51" s="244" t="s">
        <v>135</v>
      </c>
      <c r="B51" s="245"/>
      <c r="C51" s="39"/>
      <c r="D51" s="149">
        <v>41361</v>
      </c>
      <c r="E51" s="149">
        <v>19799</v>
      </c>
      <c r="F51" s="149">
        <v>21562</v>
      </c>
      <c r="G51" s="149">
        <v>17162</v>
      </c>
      <c r="H51" s="172">
        <v>2.4100337955949191</v>
      </c>
      <c r="I51" s="149">
        <v>1290.5148205928238</v>
      </c>
      <c r="J51" s="185">
        <v>91.823578517762726</v>
      </c>
      <c r="K51" s="186">
        <v>0.44805770705079107</v>
      </c>
    </row>
    <row r="52" spans="1:11" ht="9.75" customHeight="1">
      <c r="A52" s="244" t="s">
        <v>136</v>
      </c>
      <c r="B52" s="245"/>
      <c r="C52" s="39"/>
      <c r="D52" s="149">
        <v>161949</v>
      </c>
      <c r="E52" s="149">
        <v>81810</v>
      </c>
      <c r="F52" s="149">
        <v>80139</v>
      </c>
      <c r="G52" s="149">
        <v>71155</v>
      </c>
      <c r="H52" s="172">
        <v>2.276003091841754</v>
      </c>
      <c r="I52" s="149">
        <v>1560.8037779491133</v>
      </c>
      <c r="J52" s="185">
        <v>102.0851270916782</v>
      </c>
      <c r="K52" s="186">
        <v>1.7543700007052188</v>
      </c>
    </row>
    <row r="53" spans="1:11" ht="9.75" customHeight="1">
      <c r="A53" s="244" t="s">
        <v>137</v>
      </c>
      <c r="B53" s="245"/>
      <c r="C53" s="39"/>
      <c r="D53" s="149">
        <v>223571</v>
      </c>
      <c r="E53" s="149">
        <v>115181</v>
      </c>
      <c r="F53" s="149">
        <v>108390</v>
      </c>
      <c r="G53" s="149">
        <v>101737</v>
      </c>
      <c r="H53" s="172">
        <v>2.197538751879847</v>
      </c>
      <c r="I53" s="149">
        <v>2382.4701619778343</v>
      </c>
      <c r="J53" s="185">
        <v>106.26533813082388</v>
      </c>
      <c r="K53" s="186">
        <v>2.4219121786961728</v>
      </c>
    </row>
    <row r="54" spans="1:11" ht="9.75" customHeight="1">
      <c r="A54" s="244" t="s">
        <v>138</v>
      </c>
      <c r="B54" s="245"/>
      <c r="C54" s="39"/>
      <c r="D54" s="149">
        <v>241583</v>
      </c>
      <c r="E54" s="149">
        <v>120406</v>
      </c>
      <c r="F54" s="149">
        <v>121177</v>
      </c>
      <c r="G54" s="149">
        <v>112879</v>
      </c>
      <c r="H54" s="172">
        <v>2.1401943674199808</v>
      </c>
      <c r="I54" s="149">
        <v>8917.7925433739383</v>
      </c>
      <c r="J54" s="185">
        <v>99.363740643851557</v>
      </c>
      <c r="K54" s="186">
        <v>2.6170335592091885</v>
      </c>
    </row>
    <row r="55" spans="1:11" ht="9.75" customHeight="1">
      <c r="A55" s="244" t="s">
        <v>139</v>
      </c>
      <c r="B55" s="245"/>
      <c r="C55" s="39"/>
      <c r="D55" s="149">
        <v>101113</v>
      </c>
      <c r="E55" s="149">
        <v>51115</v>
      </c>
      <c r="F55" s="149">
        <v>49998</v>
      </c>
      <c r="G55" s="149">
        <v>45541</v>
      </c>
      <c r="H55" s="172">
        <v>2.2202630596605255</v>
      </c>
      <c r="I55" s="149">
        <v>1819.8884089272858</v>
      </c>
      <c r="J55" s="185">
        <v>102.23408936357454</v>
      </c>
      <c r="K55" s="186">
        <v>1.0953424465807555</v>
      </c>
    </row>
    <row r="56" spans="1:11" ht="9.75" customHeight="1">
      <c r="A56" s="244" t="s">
        <v>140</v>
      </c>
      <c r="B56" s="245"/>
      <c r="C56" s="39"/>
      <c r="D56" s="149">
        <v>137523</v>
      </c>
      <c r="E56" s="149">
        <v>69092</v>
      </c>
      <c r="F56" s="149">
        <v>68431</v>
      </c>
      <c r="G56" s="149">
        <v>59509</v>
      </c>
      <c r="H56" s="172">
        <v>2.3109613671881566</v>
      </c>
      <c r="I56" s="149">
        <v>5171.9819481007899</v>
      </c>
      <c r="J56" s="185">
        <v>100.96593649077172</v>
      </c>
      <c r="K56" s="186">
        <v>1.4897666895564887</v>
      </c>
    </row>
    <row r="57" spans="1:11" ht="9.75" customHeight="1">
      <c r="A57" s="244" t="s">
        <v>141</v>
      </c>
      <c r="B57" s="245"/>
      <c r="C57" s="39"/>
      <c r="D57" s="149">
        <v>132260</v>
      </c>
      <c r="E57" s="149">
        <v>65822</v>
      </c>
      <c r="F57" s="149">
        <v>66438</v>
      </c>
      <c r="G57" s="149">
        <v>60797</v>
      </c>
      <c r="H57" s="172">
        <v>2.1754362879747355</v>
      </c>
      <c r="I57" s="149">
        <v>7527.6038702333526</v>
      </c>
      <c r="J57" s="185">
        <v>99.072819771817336</v>
      </c>
      <c r="K57" s="186">
        <v>1.4327533747863355</v>
      </c>
    </row>
    <row r="58" spans="1:11" ht="9.75" customHeight="1">
      <c r="A58" s="244" t="s">
        <v>142</v>
      </c>
      <c r="B58" s="245"/>
      <c r="C58" s="39"/>
      <c r="D58" s="149">
        <v>40332</v>
      </c>
      <c r="E58" s="149">
        <v>19732</v>
      </c>
      <c r="F58" s="149">
        <v>20600</v>
      </c>
      <c r="G58" s="149">
        <v>16339</v>
      </c>
      <c r="H58" s="172">
        <v>2.468449721525185</v>
      </c>
      <c r="I58" s="149">
        <v>522.97717842323652</v>
      </c>
      <c r="J58" s="185">
        <v>95.786407766990294</v>
      </c>
      <c r="K58" s="186">
        <v>0.43691069946985095</v>
      </c>
    </row>
    <row r="59" spans="1:11" ht="9.75" customHeight="1">
      <c r="A59" s="244" t="s">
        <v>143</v>
      </c>
      <c r="B59" s="245"/>
      <c r="C59" s="39"/>
      <c r="D59" s="149">
        <v>83304</v>
      </c>
      <c r="E59" s="149">
        <v>42175</v>
      </c>
      <c r="F59" s="149">
        <v>41129</v>
      </c>
      <c r="G59" s="149">
        <v>34955</v>
      </c>
      <c r="H59" s="172">
        <v>2.3831783721928192</v>
      </c>
      <c r="I59" s="149">
        <v>3762.6016260162601</v>
      </c>
      <c r="J59" s="185">
        <v>102.54321768095505</v>
      </c>
      <c r="K59" s="186">
        <v>0.90242013559051026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72"/>
      <c r="I60" s="149"/>
      <c r="J60" s="185"/>
      <c r="K60" s="186"/>
    </row>
    <row r="61" spans="1:11" ht="9.75" customHeight="1">
      <c r="A61" s="244" t="s">
        <v>144</v>
      </c>
      <c r="B61" s="245"/>
      <c r="C61" s="39"/>
      <c r="D61" s="149">
        <v>31651</v>
      </c>
      <c r="E61" s="149">
        <v>14872</v>
      </c>
      <c r="F61" s="149">
        <v>16779</v>
      </c>
      <c r="G61" s="149">
        <v>13105</v>
      </c>
      <c r="H61" s="172">
        <v>2.4151850438763831</v>
      </c>
      <c r="I61" s="149">
        <v>1857.4530516431926</v>
      </c>
      <c r="J61" s="185">
        <v>88.634602777281117</v>
      </c>
      <c r="K61" s="186">
        <v>0.3428706870207342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72"/>
      <c r="I62" s="149"/>
      <c r="J62" s="185"/>
      <c r="K62" s="186"/>
    </row>
    <row r="63" spans="1:11" ht="9.75" customHeight="1">
      <c r="A63" s="244" t="s">
        <v>145</v>
      </c>
      <c r="B63" s="245"/>
      <c r="C63" s="39"/>
      <c r="D63" s="149">
        <v>48570</v>
      </c>
      <c r="E63" s="149">
        <v>24595</v>
      </c>
      <c r="F63" s="149">
        <v>23975</v>
      </c>
      <c r="G63" s="149">
        <v>20192</v>
      </c>
      <c r="H63" s="172">
        <v>2.4054080824088748</v>
      </c>
      <c r="I63" s="149">
        <v>3640.9295352323838</v>
      </c>
      <c r="J63" s="185">
        <v>102.58602711157457</v>
      </c>
      <c r="K63" s="186">
        <v>0.52615175724612362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72"/>
      <c r="I64" s="149"/>
      <c r="J64" s="185"/>
      <c r="K64" s="186"/>
    </row>
    <row r="65" spans="1:11" ht="9.75" customHeight="1">
      <c r="A65" s="242" t="s">
        <v>146</v>
      </c>
      <c r="B65" s="243"/>
      <c r="C65" s="46"/>
      <c r="D65" s="152">
        <v>58830</v>
      </c>
      <c r="E65" s="152">
        <v>28504</v>
      </c>
      <c r="F65" s="152">
        <v>30326</v>
      </c>
      <c r="G65" s="152">
        <v>24410</v>
      </c>
      <c r="H65" s="187">
        <v>2.4100778369520688</v>
      </c>
      <c r="I65" s="152">
        <v>2241.1428571428573</v>
      </c>
      <c r="J65" s="188">
        <v>93.991954098793116</v>
      </c>
      <c r="K65" s="189">
        <v>0.63729684741176562</v>
      </c>
    </row>
    <row r="66" spans="1:11" ht="9.75" customHeight="1">
      <c r="A66" s="37"/>
      <c r="B66" s="82" t="s">
        <v>147</v>
      </c>
      <c r="C66" s="39"/>
      <c r="D66" s="149">
        <v>31461</v>
      </c>
      <c r="E66" s="149">
        <v>15342</v>
      </c>
      <c r="F66" s="149">
        <v>16119</v>
      </c>
      <c r="G66" s="149">
        <v>12794</v>
      </c>
      <c r="H66" s="172">
        <v>2.4590433015476005</v>
      </c>
      <c r="I66" s="149">
        <v>1831.2572759022119</v>
      </c>
      <c r="J66" s="185">
        <v>95.179601712265026</v>
      </c>
      <c r="K66" s="186">
        <v>0.34081244461025934</v>
      </c>
    </row>
    <row r="67" spans="1:11" ht="9.75" customHeight="1">
      <c r="A67" s="37"/>
      <c r="B67" s="82" t="s">
        <v>148</v>
      </c>
      <c r="C67" s="39"/>
      <c r="D67" s="149">
        <v>27369</v>
      </c>
      <c r="E67" s="149">
        <v>13162</v>
      </c>
      <c r="F67" s="149">
        <v>14207</v>
      </c>
      <c r="G67" s="149">
        <v>11616</v>
      </c>
      <c r="H67" s="172">
        <v>2.3561466942148761</v>
      </c>
      <c r="I67" s="149">
        <v>3014.2070484581495</v>
      </c>
      <c r="J67" s="185">
        <v>92.64447103540509</v>
      </c>
      <c r="K67" s="186">
        <v>0.29648440280150623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72"/>
      <c r="I68" s="149"/>
      <c r="J68" s="185"/>
      <c r="K68" s="186"/>
    </row>
    <row r="69" spans="1:11" ht="9.75" customHeight="1">
      <c r="A69" s="242" t="s">
        <v>149</v>
      </c>
      <c r="B69" s="243"/>
      <c r="C69" s="46"/>
      <c r="D69" s="152">
        <v>65025</v>
      </c>
      <c r="E69" s="152">
        <v>31999</v>
      </c>
      <c r="F69" s="152">
        <v>33026</v>
      </c>
      <c r="G69" s="152">
        <v>25833</v>
      </c>
      <c r="H69" s="187">
        <v>2.5171292532806877</v>
      </c>
      <c r="I69" s="152">
        <v>214.40582959641259</v>
      </c>
      <c r="J69" s="188">
        <v>96.890328831829464</v>
      </c>
      <c r="K69" s="189">
        <v>0.70440638284803769</v>
      </c>
    </row>
    <row r="70" spans="1:11" ht="9.75" customHeight="1">
      <c r="A70" s="37"/>
      <c r="B70" s="82" t="s">
        <v>150</v>
      </c>
      <c r="C70" s="39"/>
      <c r="D70" s="149">
        <v>9100</v>
      </c>
      <c r="E70" s="149">
        <v>4544</v>
      </c>
      <c r="F70" s="149">
        <v>4556</v>
      </c>
      <c r="G70" s="149">
        <v>3415</v>
      </c>
      <c r="H70" s="172">
        <v>2.664714494875549</v>
      </c>
      <c r="I70" s="149">
        <v>455.22761380690349</v>
      </c>
      <c r="J70" s="185">
        <v>99.736611062335385</v>
      </c>
      <c r="K70" s="186">
        <v>9.857897860695336E-2</v>
      </c>
    </row>
    <row r="71" spans="1:11" ht="9.75" customHeight="1">
      <c r="A71" s="37"/>
      <c r="B71" s="82" t="s">
        <v>151</v>
      </c>
      <c r="C71" s="39"/>
      <c r="D71" s="149">
        <v>17195</v>
      </c>
      <c r="E71" s="149">
        <v>8431</v>
      </c>
      <c r="F71" s="149">
        <v>8764</v>
      </c>
      <c r="G71" s="149">
        <v>6847</v>
      </c>
      <c r="H71" s="172">
        <v>2.5113188257631078</v>
      </c>
      <c r="I71" s="149">
        <v>1195.7579972183587</v>
      </c>
      <c r="J71" s="185">
        <v>96.200365130077586</v>
      </c>
      <c r="K71" s="186">
        <v>0.18627093814797399</v>
      </c>
    </row>
    <row r="72" spans="1:11" ht="9.75" customHeight="1">
      <c r="A72" s="37"/>
      <c r="B72" s="82" t="s">
        <v>152</v>
      </c>
      <c r="C72" s="39"/>
      <c r="D72" s="149">
        <v>10613</v>
      </c>
      <c r="E72" s="149">
        <v>5271</v>
      </c>
      <c r="F72" s="149">
        <v>5342</v>
      </c>
      <c r="G72" s="149">
        <v>4539</v>
      </c>
      <c r="H72" s="172">
        <v>2.3381802159065872</v>
      </c>
      <c r="I72" s="149">
        <v>281.13907284768214</v>
      </c>
      <c r="J72" s="185">
        <v>98.670909771621112</v>
      </c>
      <c r="K72" s="186">
        <v>0.11496908790720836</v>
      </c>
    </row>
    <row r="73" spans="1:11" ht="9.75" customHeight="1">
      <c r="A73" s="37"/>
      <c r="B73" s="82" t="s">
        <v>153</v>
      </c>
      <c r="C73" s="39"/>
      <c r="D73" s="149">
        <v>9556</v>
      </c>
      <c r="E73" s="149">
        <v>4733</v>
      </c>
      <c r="F73" s="149">
        <v>4823</v>
      </c>
      <c r="G73" s="149">
        <v>3931</v>
      </c>
      <c r="H73" s="172">
        <v>2.4309336046807428</v>
      </c>
      <c r="I73" s="149">
        <v>42.544855527358528</v>
      </c>
      <c r="J73" s="185">
        <v>98.133941530167945</v>
      </c>
      <c r="K73" s="186">
        <v>0.10351876039209301</v>
      </c>
    </row>
    <row r="74" spans="1:11" ht="9.75" customHeight="1">
      <c r="A74" s="37"/>
      <c r="B74" s="82" t="s">
        <v>154</v>
      </c>
      <c r="C74" s="39"/>
      <c r="D74" s="149">
        <v>18561</v>
      </c>
      <c r="E74" s="149">
        <v>9020</v>
      </c>
      <c r="F74" s="149">
        <v>9541</v>
      </c>
      <c r="G74" s="149">
        <v>7101</v>
      </c>
      <c r="H74" s="172">
        <v>2.6138572032108152</v>
      </c>
      <c r="I74" s="149">
        <v>2833.7404580152674</v>
      </c>
      <c r="J74" s="185">
        <v>94.539356461586834</v>
      </c>
      <c r="K74" s="186">
        <v>0.20106861779380894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72"/>
      <c r="I75" s="149"/>
      <c r="J75" s="185"/>
      <c r="K75" s="186"/>
    </row>
    <row r="76" spans="1:11" ht="9.75" customHeight="1">
      <c r="A76" s="242" t="s">
        <v>155</v>
      </c>
      <c r="B76" s="243"/>
      <c r="C76" s="46"/>
      <c r="D76" s="152">
        <v>40698</v>
      </c>
      <c r="E76" s="152">
        <v>19094</v>
      </c>
      <c r="F76" s="152">
        <v>21604</v>
      </c>
      <c r="G76" s="152">
        <v>19938</v>
      </c>
      <c r="H76" s="187">
        <v>2.0412278061992177</v>
      </c>
      <c r="I76" s="152">
        <v>288.90466387449419</v>
      </c>
      <c r="J76" s="188">
        <v>88.381781151638577</v>
      </c>
      <c r="K76" s="189">
        <v>0.44087552432371302</v>
      </c>
    </row>
    <row r="77" spans="1:11" ht="9.75" customHeight="1">
      <c r="A77" s="37"/>
      <c r="B77" s="82" t="s">
        <v>156</v>
      </c>
      <c r="C77" s="39"/>
      <c r="D77" s="149">
        <v>11082</v>
      </c>
      <c r="E77" s="149">
        <v>5341</v>
      </c>
      <c r="F77" s="149">
        <v>5741</v>
      </c>
      <c r="G77" s="149">
        <v>6292</v>
      </c>
      <c r="H77" s="172">
        <v>1.7612841703750794</v>
      </c>
      <c r="I77" s="149">
        <v>119.34094335558906</v>
      </c>
      <c r="J77" s="185">
        <v>93.032572722522218</v>
      </c>
      <c r="K77" s="186">
        <v>0.12004969680464365</v>
      </c>
    </row>
    <row r="78" spans="1:11" ht="9.75" customHeight="1">
      <c r="A78" s="37"/>
      <c r="B78" s="82" t="s">
        <v>157</v>
      </c>
      <c r="C78" s="39"/>
      <c r="D78" s="149">
        <v>6575</v>
      </c>
      <c r="E78" s="149">
        <v>3042</v>
      </c>
      <c r="F78" s="149">
        <v>3533</v>
      </c>
      <c r="G78" s="149">
        <v>2951</v>
      </c>
      <c r="H78" s="172">
        <v>2.2280582853270077</v>
      </c>
      <c r="I78" s="149">
        <v>932.6241134751773</v>
      </c>
      <c r="J78" s="185">
        <v>86.102462496461925</v>
      </c>
      <c r="K78" s="186">
        <v>7.12260202572218E-2</v>
      </c>
    </row>
    <row r="79" spans="1:11" ht="9.75" customHeight="1">
      <c r="A79" s="37"/>
      <c r="B79" s="82" t="s">
        <v>158</v>
      </c>
      <c r="C79" s="39"/>
      <c r="D79" s="149">
        <v>23041</v>
      </c>
      <c r="E79" s="149">
        <v>10711</v>
      </c>
      <c r="F79" s="149">
        <v>12330</v>
      </c>
      <c r="G79" s="149">
        <v>10695</v>
      </c>
      <c r="H79" s="172">
        <v>2.1543712014960263</v>
      </c>
      <c r="I79" s="149">
        <v>562.38711252135715</v>
      </c>
      <c r="J79" s="185">
        <v>86.869424168694238</v>
      </c>
      <c r="K79" s="186">
        <v>0.24959980726184755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72"/>
      <c r="I80" s="149"/>
      <c r="J80" s="185"/>
      <c r="K80" s="186"/>
    </row>
    <row r="81" spans="1:11" ht="9.75" customHeight="1">
      <c r="A81" s="242" t="s">
        <v>159</v>
      </c>
      <c r="B81" s="243"/>
      <c r="C81" s="46"/>
      <c r="D81" s="152">
        <v>42502</v>
      </c>
      <c r="E81" s="152">
        <v>22228</v>
      </c>
      <c r="F81" s="152">
        <v>20274</v>
      </c>
      <c r="G81" s="152">
        <v>18331</v>
      </c>
      <c r="H81" s="187">
        <v>2.3185860018547815</v>
      </c>
      <c r="I81" s="152">
        <v>402.78620166793024</v>
      </c>
      <c r="J81" s="188">
        <v>109.63795994870279</v>
      </c>
      <c r="K81" s="189">
        <v>0.46041799436843206</v>
      </c>
    </row>
    <row r="82" spans="1:11" ht="9.75" customHeight="1">
      <c r="A82" s="37"/>
      <c r="B82" s="82" t="s">
        <v>160</v>
      </c>
      <c r="C82" s="39"/>
      <c r="D82" s="149">
        <v>39492</v>
      </c>
      <c r="E82" s="149">
        <v>20692</v>
      </c>
      <c r="F82" s="149">
        <v>18800</v>
      </c>
      <c r="G82" s="149">
        <v>17198</v>
      </c>
      <c r="H82" s="172">
        <v>2.2963135248284683</v>
      </c>
      <c r="I82" s="149">
        <v>1152.0420070011669</v>
      </c>
      <c r="J82" s="185">
        <v>110.06382978723404</v>
      </c>
      <c r="K82" s="186">
        <v>0.42781110144459367</v>
      </c>
    </row>
    <row r="83" spans="1:11" ht="9.75" customHeight="1">
      <c r="A83" s="37"/>
      <c r="B83" s="82" t="s">
        <v>161</v>
      </c>
      <c r="C83" s="39"/>
      <c r="D83" s="149">
        <v>3010</v>
      </c>
      <c r="E83" s="149">
        <v>1536</v>
      </c>
      <c r="F83" s="149">
        <v>1474</v>
      </c>
      <c r="G83" s="149">
        <v>1133</v>
      </c>
      <c r="H83" s="172">
        <v>2.6566637246248899</v>
      </c>
      <c r="I83" s="149">
        <v>42.251544076361597</v>
      </c>
      <c r="J83" s="185">
        <v>104.20624151967435</v>
      </c>
      <c r="K83" s="186">
        <v>3.2606892923838421E-2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190"/>
      <c r="I84" s="89"/>
      <c r="J84" s="89"/>
      <c r="K84" s="191"/>
    </row>
    <row r="85" spans="1:11" ht="13.5" customHeight="1">
      <c r="A85" s="192" t="s">
        <v>222</v>
      </c>
    </row>
    <row r="86" spans="1:11">
      <c r="A86" s="193"/>
    </row>
  </sheetData>
  <mergeCells count="38">
    <mergeCell ref="A39:B39"/>
    <mergeCell ref="A1:K1"/>
    <mergeCell ref="A2:C2"/>
    <mergeCell ref="I2:K2"/>
    <mergeCell ref="A3:C4"/>
    <mergeCell ref="D3:F3"/>
    <mergeCell ref="G3:G4"/>
    <mergeCell ref="H3:H4"/>
    <mergeCell ref="I3:I4"/>
    <mergeCell ref="J3:J4"/>
    <mergeCell ref="K3:K4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7"/>
  <sheetViews>
    <sheetView view="pageBreakPreview" zoomScaleNormal="115" zoomScaleSheetLayoutView="100" workbookViewId="0">
      <selection activeCell="M1" sqref="M1"/>
    </sheetView>
  </sheetViews>
  <sheetFormatPr defaultRowHeight="14.25"/>
  <cols>
    <col min="1" max="1" width="0.625" style="70" customWidth="1"/>
    <col min="2" max="2" width="15.625" style="70" customWidth="1"/>
    <col min="3" max="3" width="0.625" style="70" customWidth="1"/>
    <col min="4" max="4" width="7.875" style="70" customWidth="1"/>
    <col min="5" max="7" width="7.625" style="70" customWidth="1"/>
    <col min="8" max="10" width="7.25" style="70" customWidth="1"/>
    <col min="11" max="11" width="7.5" style="70" customWidth="1"/>
    <col min="12" max="18" width="6.875" style="70" customWidth="1"/>
  </cols>
  <sheetData>
    <row r="1" spans="1:12" ht="18.75" customHeight="1">
      <c r="A1" s="201" t="s">
        <v>223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  <c r="L1" s="201"/>
    </row>
    <row r="2" spans="1:12" ht="15" customHeight="1" thickBot="1">
      <c r="A2" s="202" t="s">
        <v>224</v>
      </c>
      <c r="B2" s="202"/>
      <c r="C2" s="202"/>
      <c r="L2" s="194"/>
    </row>
    <row r="3" spans="1:12" ht="15" customHeight="1">
      <c r="A3" s="203" t="s">
        <v>2</v>
      </c>
      <c r="B3" s="204"/>
      <c r="C3" s="204"/>
      <c r="D3" s="209" t="s">
        <v>5</v>
      </c>
      <c r="E3" s="225" t="s">
        <v>3</v>
      </c>
      <c r="F3" s="225"/>
      <c r="G3" s="225"/>
      <c r="H3" s="225" t="s">
        <v>225</v>
      </c>
      <c r="I3" s="225"/>
      <c r="J3" s="225"/>
      <c r="K3" s="256" t="s">
        <v>226</v>
      </c>
      <c r="L3" s="218" t="s">
        <v>219</v>
      </c>
    </row>
    <row r="4" spans="1:12" ht="15" customHeight="1">
      <c r="A4" s="207"/>
      <c r="B4" s="208"/>
      <c r="C4" s="208"/>
      <c r="D4" s="211"/>
      <c r="E4" s="73" t="s">
        <v>49</v>
      </c>
      <c r="F4" s="73" t="s">
        <v>173</v>
      </c>
      <c r="G4" s="73" t="s">
        <v>174</v>
      </c>
      <c r="H4" s="73" t="s">
        <v>227</v>
      </c>
      <c r="I4" s="73" t="s">
        <v>93</v>
      </c>
      <c r="J4" s="73" t="s">
        <v>9</v>
      </c>
      <c r="K4" s="258"/>
      <c r="L4" s="220"/>
    </row>
    <row r="5" spans="1:12" ht="10.5" customHeight="1">
      <c r="A5" s="8"/>
      <c r="B5" s="39"/>
      <c r="C5" s="39"/>
      <c r="D5" s="11" t="s">
        <v>12</v>
      </c>
      <c r="E5" s="11" t="s">
        <v>10</v>
      </c>
      <c r="F5" s="11" t="s">
        <v>10</v>
      </c>
      <c r="G5" s="11" t="s">
        <v>10</v>
      </c>
      <c r="H5" s="11" t="s">
        <v>12</v>
      </c>
      <c r="I5" s="11" t="s">
        <v>228</v>
      </c>
      <c r="J5" s="11" t="s">
        <v>229</v>
      </c>
      <c r="K5" s="11" t="s">
        <v>10</v>
      </c>
      <c r="L5" s="13" t="s">
        <v>10</v>
      </c>
    </row>
    <row r="6" spans="1:12" ht="34.9" customHeight="1">
      <c r="A6" s="8"/>
      <c r="B6" s="195">
        <v>44105</v>
      </c>
      <c r="C6" s="39"/>
      <c r="D6" s="40">
        <v>4223706</v>
      </c>
      <c r="E6" s="40">
        <v>9237337</v>
      </c>
      <c r="F6" s="40">
        <v>4588268</v>
      </c>
      <c r="G6" s="40">
        <v>4649069</v>
      </c>
      <c r="H6" s="40">
        <v>244428</v>
      </c>
      <c r="I6" s="40">
        <v>111123</v>
      </c>
      <c r="J6" s="196">
        <v>1.2176352647439561</v>
      </c>
      <c r="K6" s="196">
        <v>2.1870217766103988</v>
      </c>
      <c r="L6" s="101">
        <v>3823</v>
      </c>
    </row>
    <row r="7" spans="1:12" ht="34.9" customHeight="1">
      <c r="A7" s="8"/>
      <c r="B7" s="195">
        <v>42278</v>
      </c>
      <c r="C7" s="39"/>
      <c r="D7" s="40">
        <v>3979278</v>
      </c>
      <c r="E7" s="40">
        <v>9126214</v>
      </c>
      <c r="F7" s="40">
        <v>4558978</v>
      </c>
      <c r="G7" s="40">
        <v>4567236</v>
      </c>
      <c r="H7" s="40">
        <v>134753</v>
      </c>
      <c r="I7" s="40">
        <v>77883</v>
      </c>
      <c r="J7" s="196">
        <v>0.86074437374141155</v>
      </c>
      <c r="K7" s="196">
        <v>2.2934346381428994</v>
      </c>
      <c r="L7" s="101">
        <v>3778</v>
      </c>
    </row>
    <row r="8" spans="1:12" ht="34.9" customHeight="1">
      <c r="A8" s="8"/>
      <c r="B8" s="195">
        <v>40452</v>
      </c>
      <c r="C8" s="39"/>
      <c r="D8" s="40">
        <v>3844525</v>
      </c>
      <c r="E8" s="40">
        <v>9048331</v>
      </c>
      <c r="F8" s="40">
        <v>4544545</v>
      </c>
      <c r="G8" s="40">
        <v>4503786</v>
      </c>
      <c r="H8" s="40">
        <v>252659</v>
      </c>
      <c r="I8" s="40">
        <v>256734</v>
      </c>
      <c r="J8" s="196">
        <v>2.9202202967219719</v>
      </c>
      <c r="K8" s="196">
        <v>2.3535627938431927</v>
      </c>
      <c r="L8" s="101">
        <v>3745</v>
      </c>
    </row>
    <row r="9" spans="1:12" ht="34.9" customHeight="1">
      <c r="A9" s="8"/>
      <c r="B9" s="195">
        <v>38626</v>
      </c>
      <c r="C9" s="39"/>
      <c r="D9" s="40">
        <v>3591866</v>
      </c>
      <c r="E9" s="40">
        <v>8791597</v>
      </c>
      <c r="F9" s="40">
        <v>4444555</v>
      </c>
      <c r="G9" s="40">
        <v>4347042</v>
      </c>
      <c r="H9" s="40">
        <v>250633</v>
      </c>
      <c r="I9" s="40">
        <v>301623</v>
      </c>
      <c r="J9" s="196">
        <v>3.5526963922386572</v>
      </c>
      <c r="K9" s="196">
        <v>2.4476405857011367</v>
      </c>
      <c r="L9" s="101">
        <v>3639</v>
      </c>
    </row>
    <row r="10" spans="1:12" ht="34.9" customHeight="1">
      <c r="A10" s="8"/>
      <c r="B10" s="195">
        <v>36800</v>
      </c>
      <c r="C10" s="39"/>
      <c r="D10" s="40">
        <v>3341233</v>
      </c>
      <c r="E10" s="40">
        <v>8489974</v>
      </c>
      <c r="F10" s="40">
        <v>4308786</v>
      </c>
      <c r="G10" s="40">
        <v>4181188</v>
      </c>
      <c r="H10" s="40">
        <v>247235</v>
      </c>
      <c r="I10" s="40">
        <v>244074</v>
      </c>
      <c r="J10" s="196">
        <v>2.9599437296110795</v>
      </c>
      <c r="K10" s="196">
        <v>2.5409703543572086</v>
      </c>
      <c r="L10" s="101">
        <v>3515</v>
      </c>
    </row>
    <row r="11" spans="1:12" ht="34.9" customHeight="1">
      <c r="A11" s="8"/>
      <c r="B11" s="195">
        <v>34973</v>
      </c>
      <c r="C11" s="39"/>
      <c r="D11" s="40">
        <v>3093998</v>
      </c>
      <c r="E11" s="40">
        <v>8245900</v>
      </c>
      <c r="F11" s="40">
        <v>4209525</v>
      </c>
      <c r="G11" s="40">
        <v>4036375</v>
      </c>
      <c r="H11" s="40">
        <v>246186</v>
      </c>
      <c r="I11" s="40">
        <v>265509</v>
      </c>
      <c r="J11" s="196">
        <v>3.327017435611864</v>
      </c>
      <c r="K11" s="196">
        <v>2.6651277731918377</v>
      </c>
      <c r="L11" s="101">
        <v>3416</v>
      </c>
    </row>
    <row r="12" spans="1:12" ht="34.9" customHeight="1">
      <c r="A12" s="8"/>
      <c r="B12" s="195">
        <v>33147</v>
      </c>
      <c r="C12" s="39"/>
      <c r="D12" s="40">
        <v>2847812</v>
      </c>
      <c r="E12" s="40">
        <v>7980391</v>
      </c>
      <c r="F12" s="40">
        <v>4098147</v>
      </c>
      <c r="G12" s="40">
        <v>3882244</v>
      </c>
      <c r="H12" s="40">
        <v>355963</v>
      </c>
      <c r="I12" s="40">
        <v>548417</v>
      </c>
      <c r="J12" s="196">
        <v>7.3791566009245999</v>
      </c>
      <c r="K12" s="196">
        <v>2.8022885639922861</v>
      </c>
      <c r="L12" s="101">
        <v>3308</v>
      </c>
    </row>
    <row r="13" spans="1:12" ht="34.9" customHeight="1">
      <c r="A13" s="8"/>
      <c r="B13" s="195">
        <v>31321</v>
      </c>
      <c r="C13" s="39"/>
      <c r="D13" s="40">
        <v>2491849</v>
      </c>
      <c r="E13" s="40">
        <v>7431974</v>
      </c>
      <c r="F13" s="40">
        <v>3804081</v>
      </c>
      <c r="G13" s="40">
        <v>3627893</v>
      </c>
      <c r="H13" s="40">
        <v>233200</v>
      </c>
      <c r="I13" s="40">
        <v>507626</v>
      </c>
      <c r="J13" s="196">
        <v>7.3310295785249373</v>
      </c>
      <c r="K13" s="196">
        <v>2.9825137879542458</v>
      </c>
      <c r="L13" s="101">
        <v>3094</v>
      </c>
    </row>
    <row r="14" spans="1:12" ht="34.9" customHeight="1">
      <c r="A14" s="8"/>
      <c r="B14" s="195">
        <v>29495</v>
      </c>
      <c r="C14" s="39"/>
      <c r="D14" s="40">
        <v>2258649</v>
      </c>
      <c r="E14" s="40">
        <v>6924348</v>
      </c>
      <c r="F14" s="40">
        <v>3536021</v>
      </c>
      <c r="G14" s="40">
        <v>3388327</v>
      </c>
      <c r="H14" s="40">
        <v>352182</v>
      </c>
      <c r="I14" s="40">
        <v>526600</v>
      </c>
      <c r="J14" s="196">
        <v>8.2310212906166349</v>
      </c>
      <c r="K14" s="196">
        <v>3.0657034359920465</v>
      </c>
      <c r="L14" s="101">
        <v>2889</v>
      </c>
    </row>
    <row r="15" spans="1:12" ht="34.9" customHeight="1">
      <c r="A15" s="8"/>
      <c r="B15" s="195">
        <v>27668</v>
      </c>
      <c r="C15" s="39"/>
      <c r="D15" s="40">
        <v>1906467</v>
      </c>
      <c r="E15" s="40">
        <v>6397748</v>
      </c>
      <c r="F15" s="40">
        <v>3287118</v>
      </c>
      <c r="G15" s="40">
        <v>3110630</v>
      </c>
      <c r="H15" s="40">
        <v>371840</v>
      </c>
      <c r="I15" s="40">
        <v>925501</v>
      </c>
      <c r="J15" s="196">
        <v>16.912632050417315</v>
      </c>
      <c r="K15" s="196">
        <v>3.3558136595073504</v>
      </c>
      <c r="L15" s="101">
        <v>2676</v>
      </c>
    </row>
    <row r="16" spans="1:12" ht="34.9" customHeight="1">
      <c r="A16" s="8"/>
      <c r="B16" s="195">
        <v>25842</v>
      </c>
      <c r="C16" s="39"/>
      <c r="D16" s="40">
        <v>1534627</v>
      </c>
      <c r="E16" s="40">
        <v>5472247</v>
      </c>
      <c r="F16" s="40">
        <v>2822212</v>
      </c>
      <c r="G16" s="40">
        <v>2650035</v>
      </c>
      <c r="H16" s="40">
        <v>384785</v>
      </c>
      <c r="I16" s="40">
        <v>1041504</v>
      </c>
      <c r="J16" s="196">
        <v>23.506305827261929</v>
      </c>
      <c r="K16" s="196">
        <v>3.5658482484668914</v>
      </c>
      <c r="L16" s="101">
        <v>2295</v>
      </c>
    </row>
    <row r="17" spans="1:21" ht="34.9" customHeight="1">
      <c r="A17" s="8"/>
      <c r="B17" s="195">
        <v>24016</v>
      </c>
      <c r="C17" s="39"/>
      <c r="D17" s="40">
        <v>1149842</v>
      </c>
      <c r="E17" s="40">
        <v>4430743</v>
      </c>
      <c r="F17" s="40">
        <v>2280926</v>
      </c>
      <c r="G17" s="40">
        <v>2149817</v>
      </c>
      <c r="H17" s="40">
        <v>332846</v>
      </c>
      <c r="I17" s="40">
        <v>987567</v>
      </c>
      <c r="J17" s="196">
        <v>28.6818623271073</v>
      </c>
      <c r="K17" s="196">
        <v>3.8533494167024687</v>
      </c>
      <c r="L17" s="101">
        <v>1866</v>
      </c>
    </row>
    <row r="18" spans="1:21" ht="34.9" customHeight="1">
      <c r="A18" s="8"/>
      <c r="B18" s="195">
        <v>22190</v>
      </c>
      <c r="C18" s="39"/>
      <c r="D18" s="40">
        <v>816996</v>
      </c>
      <c r="E18" s="40">
        <v>3443176</v>
      </c>
      <c r="F18" s="40">
        <v>1746926</v>
      </c>
      <c r="G18" s="40">
        <v>1696250</v>
      </c>
      <c r="H18" s="40">
        <v>191377</v>
      </c>
      <c r="I18" s="40">
        <v>523679</v>
      </c>
      <c r="J18" s="196">
        <v>17.937302213360727</v>
      </c>
      <c r="K18" s="196">
        <v>4.2144343423958013</v>
      </c>
      <c r="L18" s="101">
        <v>1458</v>
      </c>
    </row>
    <row r="19" spans="1:21" ht="34.9" customHeight="1">
      <c r="A19" s="8"/>
      <c r="B19" s="195">
        <v>20363</v>
      </c>
      <c r="C19" s="39"/>
      <c r="D19" s="40">
        <v>625619</v>
      </c>
      <c r="E19" s="40">
        <v>2919497</v>
      </c>
      <c r="F19" s="40">
        <v>1470415</v>
      </c>
      <c r="G19" s="40">
        <v>1449082</v>
      </c>
      <c r="H19" s="40">
        <v>101705</v>
      </c>
      <c r="I19" s="40">
        <v>431832</v>
      </c>
      <c r="J19" s="196">
        <v>17.358928955466272</v>
      </c>
      <c r="K19" s="196">
        <v>4.6665734256792071</v>
      </c>
      <c r="L19" s="101">
        <v>1236</v>
      </c>
    </row>
    <row r="20" spans="1:21" ht="34.9" customHeight="1">
      <c r="A20" s="8"/>
      <c r="B20" s="195">
        <v>18537</v>
      </c>
      <c r="C20" s="39"/>
      <c r="D20" s="40">
        <v>523914</v>
      </c>
      <c r="E20" s="40">
        <v>2487665</v>
      </c>
      <c r="F20" s="40">
        <v>1247934</v>
      </c>
      <c r="G20" s="40">
        <v>1239731</v>
      </c>
      <c r="H20" s="40">
        <v>57963</v>
      </c>
      <c r="I20" s="40">
        <v>269545</v>
      </c>
      <c r="J20" s="196">
        <v>12.15195751357005</v>
      </c>
      <c r="K20" s="196">
        <v>4.7482315799921357</v>
      </c>
      <c r="L20" s="101">
        <v>1054</v>
      </c>
    </row>
    <row r="21" spans="1:21" ht="34.9" customHeight="1">
      <c r="A21" s="8"/>
      <c r="B21" s="197" t="s">
        <v>230</v>
      </c>
      <c r="C21" s="39"/>
      <c r="D21" s="40">
        <v>465951</v>
      </c>
      <c r="E21" s="40">
        <v>2218120</v>
      </c>
      <c r="F21" s="40">
        <v>1115111</v>
      </c>
      <c r="G21" s="40">
        <v>1103009</v>
      </c>
      <c r="H21" s="40">
        <v>34722</v>
      </c>
      <c r="I21" s="40">
        <v>29146</v>
      </c>
      <c r="J21" s="196">
        <v>1.3314913744978241</v>
      </c>
      <c r="K21" s="196">
        <v>4.7604147217196662</v>
      </c>
      <c r="L21" s="101">
        <v>943</v>
      </c>
    </row>
    <row r="22" spans="1:21" ht="34.9" customHeight="1">
      <c r="A22" s="8"/>
      <c r="B22" s="195">
        <v>14885</v>
      </c>
      <c r="C22" s="39"/>
      <c r="D22" s="40">
        <v>431229</v>
      </c>
      <c r="E22" s="40">
        <v>2188974</v>
      </c>
      <c r="F22" s="40">
        <v>1137936</v>
      </c>
      <c r="G22" s="40">
        <v>1051038</v>
      </c>
      <c r="H22" s="40">
        <v>72913</v>
      </c>
      <c r="I22" s="40">
        <v>348969</v>
      </c>
      <c r="J22" s="196">
        <v>18.965654984633193</v>
      </c>
      <c r="K22" s="196">
        <v>5.0761289245389341</v>
      </c>
      <c r="L22" s="101">
        <v>930</v>
      </c>
    </row>
    <row r="23" spans="1:21" ht="34.9" customHeight="1">
      <c r="A23" s="8"/>
      <c r="B23" s="195">
        <v>13058</v>
      </c>
      <c r="C23" s="39"/>
      <c r="D23" s="40">
        <v>358316</v>
      </c>
      <c r="E23" s="40">
        <v>1840005</v>
      </c>
      <c r="F23" s="40">
        <v>951348</v>
      </c>
      <c r="G23" s="40">
        <v>888657</v>
      </c>
      <c r="H23" s="40">
        <v>35053</v>
      </c>
      <c r="I23" s="40">
        <v>220399</v>
      </c>
      <c r="J23" s="196">
        <v>13.608186188492757</v>
      </c>
      <c r="K23" s="196">
        <v>5.1351460721820965</v>
      </c>
      <c r="L23" s="101">
        <v>782</v>
      </c>
    </row>
    <row r="24" spans="1:21" ht="34.9" customHeight="1">
      <c r="A24" s="8"/>
      <c r="B24" s="195">
        <v>11232</v>
      </c>
      <c r="C24" s="39"/>
      <c r="D24" s="40">
        <v>323263</v>
      </c>
      <c r="E24" s="40">
        <v>1619606</v>
      </c>
      <c r="F24" s="40">
        <v>839309</v>
      </c>
      <c r="G24" s="40">
        <v>780297</v>
      </c>
      <c r="H24" s="40">
        <v>35486</v>
      </c>
      <c r="I24" s="40">
        <v>202814</v>
      </c>
      <c r="J24" s="196">
        <v>14.315015895064342</v>
      </c>
      <c r="K24" s="196">
        <v>5.0101805650507485</v>
      </c>
      <c r="L24" s="101">
        <v>688</v>
      </c>
    </row>
    <row r="25" spans="1:21" ht="34.9" customHeight="1">
      <c r="A25" s="8"/>
      <c r="B25" s="195">
        <v>9406</v>
      </c>
      <c r="C25" s="39"/>
      <c r="D25" s="40">
        <v>287777</v>
      </c>
      <c r="E25" s="40">
        <v>1416792</v>
      </c>
      <c r="F25" s="40">
        <v>739699</v>
      </c>
      <c r="G25" s="40">
        <v>677093</v>
      </c>
      <c r="H25" s="40">
        <v>26635</v>
      </c>
      <c r="I25" s="40">
        <v>93402</v>
      </c>
      <c r="J25" s="196">
        <v>7.0577834198535587</v>
      </c>
      <c r="K25" s="196">
        <v>4.923228750039093</v>
      </c>
      <c r="L25" s="101">
        <v>602</v>
      </c>
    </row>
    <row r="26" spans="1:21" ht="34.9" customHeight="1">
      <c r="A26" s="8"/>
      <c r="B26" s="195">
        <v>7580</v>
      </c>
      <c r="C26" s="39"/>
      <c r="D26" s="40">
        <v>261142</v>
      </c>
      <c r="E26" s="40">
        <v>1323390</v>
      </c>
      <c r="F26" s="40">
        <v>689751</v>
      </c>
      <c r="G26" s="40">
        <v>633639</v>
      </c>
      <c r="H26" s="198" t="s">
        <v>231</v>
      </c>
      <c r="I26" s="198" t="s">
        <v>232</v>
      </c>
      <c r="J26" s="199" t="s">
        <v>232</v>
      </c>
      <c r="K26" s="196">
        <v>5.067702629220884</v>
      </c>
      <c r="L26" s="101">
        <v>563</v>
      </c>
    </row>
    <row r="27" spans="1:21" s="70" customFormat="1" ht="3.75" customHeight="1" thickBot="1">
      <c r="A27" s="51"/>
      <c r="B27" s="52"/>
      <c r="C27" s="52"/>
      <c r="D27" s="89"/>
      <c r="E27" s="89"/>
      <c r="F27" s="89"/>
      <c r="G27" s="89"/>
      <c r="H27" s="89"/>
      <c r="I27" s="89"/>
      <c r="J27" s="89"/>
      <c r="K27" s="190"/>
      <c r="L27" s="160"/>
      <c r="S27"/>
      <c r="T27"/>
      <c r="U27"/>
    </row>
  </sheetData>
  <mergeCells count="8"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86"/>
  <sheetViews>
    <sheetView view="pageBreakPreview" zoomScaleNormal="115" zoomScaleSheetLayoutView="100" workbookViewId="0">
      <selection activeCell="M1" sqref="M1"/>
    </sheetView>
  </sheetViews>
  <sheetFormatPr defaultRowHeight="14.25"/>
  <cols>
    <col min="1" max="1" width="1.75" style="70" customWidth="1"/>
    <col min="2" max="2" width="7.625" style="70" customWidth="1"/>
    <col min="3" max="3" width="1.25" style="70" customWidth="1"/>
    <col min="4" max="12" width="7.875" style="70" customWidth="1"/>
    <col min="13" max="19" width="6.875" style="29" customWidth="1"/>
    <col min="20" max="16384" width="9" style="30"/>
  </cols>
  <sheetData>
    <row r="1" spans="1:12" ht="18.75" customHeight="1">
      <c r="A1" s="201" t="s">
        <v>33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  <c r="L1" s="201"/>
    </row>
    <row r="2" spans="1:12" ht="15" customHeight="1" thickBot="1">
      <c r="A2" s="202" t="s">
        <v>34</v>
      </c>
      <c r="B2" s="202"/>
      <c r="C2" s="202"/>
      <c r="K2" s="2"/>
      <c r="L2" s="2"/>
    </row>
    <row r="3" spans="1:12" ht="15" customHeight="1">
      <c r="A3" s="203" t="s">
        <v>2</v>
      </c>
      <c r="B3" s="204"/>
      <c r="C3" s="204"/>
      <c r="D3" s="224" t="s">
        <v>4</v>
      </c>
      <c r="E3" s="209" t="s">
        <v>7</v>
      </c>
      <c r="F3" s="225"/>
      <c r="G3" s="225"/>
      <c r="H3" s="209" t="s">
        <v>8</v>
      </c>
      <c r="I3" s="225"/>
      <c r="J3" s="225"/>
      <c r="K3" s="215" t="s">
        <v>35</v>
      </c>
      <c r="L3" s="226" t="s">
        <v>36</v>
      </c>
    </row>
    <row r="4" spans="1:12" ht="15" customHeight="1">
      <c r="A4" s="207"/>
      <c r="B4" s="208"/>
      <c r="C4" s="208"/>
      <c r="D4" s="222"/>
      <c r="E4" s="73"/>
      <c r="F4" s="74" t="s">
        <v>37</v>
      </c>
      <c r="G4" s="74" t="s">
        <v>38</v>
      </c>
      <c r="H4" s="73"/>
      <c r="I4" s="74" t="s">
        <v>39</v>
      </c>
      <c r="J4" s="74" t="s">
        <v>40</v>
      </c>
      <c r="K4" s="217"/>
      <c r="L4" s="220"/>
    </row>
    <row r="5" spans="1:1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0"/>
      <c r="L5" s="13"/>
    </row>
    <row r="6" spans="1:12" ht="11.25" customHeight="1">
      <c r="A6" s="75"/>
      <c r="B6" s="15" t="s">
        <v>41</v>
      </c>
      <c r="C6" s="16"/>
      <c r="D6" s="76">
        <v>-5160</v>
      </c>
      <c r="E6" s="76">
        <v>-29983</v>
      </c>
      <c r="F6" s="76">
        <v>60549</v>
      </c>
      <c r="G6" s="76">
        <v>90532</v>
      </c>
      <c r="H6" s="76">
        <v>24823</v>
      </c>
      <c r="I6" s="76">
        <v>488358</v>
      </c>
      <c r="J6" s="76">
        <v>463535</v>
      </c>
      <c r="K6" s="77">
        <v>6.6</v>
      </c>
      <c r="L6" s="78">
        <v>9.8000000000000007</v>
      </c>
    </row>
    <row r="7" spans="1:12" ht="11.25" customHeight="1">
      <c r="A7" s="44"/>
      <c r="B7" s="79" t="s">
        <v>16</v>
      </c>
      <c r="C7" s="46"/>
      <c r="D7" s="47">
        <v>34512</v>
      </c>
      <c r="E7" s="47">
        <v>-22407</v>
      </c>
      <c r="F7" s="47">
        <v>62882</v>
      </c>
      <c r="G7" s="47">
        <v>85289</v>
      </c>
      <c r="H7" s="47">
        <v>56919</v>
      </c>
      <c r="I7" s="47">
        <v>532374</v>
      </c>
      <c r="J7" s="47">
        <v>475455</v>
      </c>
      <c r="K7" s="80">
        <v>6.8</v>
      </c>
      <c r="L7" s="81">
        <v>9.3000000000000007</v>
      </c>
    </row>
    <row r="8" spans="1:12" ht="6" customHeight="1">
      <c r="A8" s="37"/>
      <c r="B8" s="82"/>
      <c r="C8" s="39"/>
      <c r="D8" s="40"/>
      <c r="E8" s="40"/>
      <c r="F8" s="40"/>
      <c r="G8" s="40"/>
      <c r="H8" s="40"/>
      <c r="I8" s="40"/>
      <c r="J8" s="40"/>
      <c r="K8" s="83"/>
      <c r="L8" s="84"/>
    </row>
    <row r="9" spans="1:12" ht="11.25" customHeight="1">
      <c r="A9" s="31"/>
      <c r="B9" s="85" t="s">
        <v>17</v>
      </c>
      <c r="C9" s="32"/>
      <c r="D9" s="33">
        <v>20200</v>
      </c>
      <c r="E9" s="33">
        <v>-19600</v>
      </c>
      <c r="F9" s="33">
        <v>64905</v>
      </c>
      <c r="G9" s="33">
        <v>84505</v>
      </c>
      <c r="H9" s="33">
        <v>39800</v>
      </c>
      <c r="I9" s="33">
        <v>514781</v>
      </c>
      <c r="J9" s="33">
        <v>474981</v>
      </c>
      <c r="K9" s="86">
        <v>7.1</v>
      </c>
      <c r="L9" s="87">
        <v>9.1999999999999993</v>
      </c>
    </row>
    <row r="10" spans="1:12" ht="11.25" customHeight="1">
      <c r="A10" s="61"/>
      <c r="B10" s="85">
        <v>30</v>
      </c>
      <c r="C10" s="32"/>
      <c r="D10" s="33">
        <v>18346</v>
      </c>
      <c r="E10" s="33">
        <v>-14771</v>
      </c>
      <c r="F10" s="33">
        <v>68228</v>
      </c>
      <c r="G10" s="33">
        <v>82999</v>
      </c>
      <c r="H10" s="33">
        <v>33117</v>
      </c>
      <c r="I10" s="33">
        <v>507579</v>
      </c>
      <c r="J10" s="33">
        <v>474462</v>
      </c>
      <c r="K10" s="86">
        <v>7.4</v>
      </c>
      <c r="L10" s="87">
        <v>9</v>
      </c>
    </row>
    <row r="11" spans="1:12" ht="11.25" customHeight="1">
      <c r="A11" s="61"/>
      <c r="B11" s="85">
        <v>29</v>
      </c>
      <c r="C11" s="32"/>
      <c r="D11" s="33">
        <v>15879</v>
      </c>
      <c r="E11" s="33">
        <v>-11083</v>
      </c>
      <c r="F11" s="33">
        <v>69902</v>
      </c>
      <c r="G11" s="33">
        <v>80985</v>
      </c>
      <c r="H11" s="33">
        <v>26962</v>
      </c>
      <c r="I11" s="33">
        <v>496793</v>
      </c>
      <c r="J11" s="33">
        <v>469831</v>
      </c>
      <c r="K11" s="86">
        <v>7.6</v>
      </c>
      <c r="L11" s="87">
        <v>8.8000000000000007</v>
      </c>
    </row>
    <row r="12" spans="1:12" ht="11.25" customHeight="1">
      <c r="A12" s="61"/>
      <c r="B12" s="85">
        <v>28</v>
      </c>
      <c r="C12" s="32"/>
      <c r="D12" s="33">
        <v>19363</v>
      </c>
      <c r="E12" s="33">
        <v>-5354</v>
      </c>
      <c r="F12" s="33">
        <v>72795</v>
      </c>
      <c r="G12" s="33">
        <v>78149</v>
      </c>
      <c r="H12" s="33">
        <v>24717</v>
      </c>
      <c r="I12" s="33">
        <v>486889</v>
      </c>
      <c r="J12" s="33">
        <v>462172</v>
      </c>
      <c r="K12" s="86">
        <v>8</v>
      </c>
      <c r="L12" s="87">
        <v>8.5</v>
      </c>
    </row>
    <row r="13" spans="1:12" ht="11.25" customHeight="1">
      <c r="A13" s="62"/>
      <c r="B13" s="79" t="s">
        <v>18</v>
      </c>
      <c r="C13" s="46"/>
      <c r="D13" s="47">
        <v>27691</v>
      </c>
      <c r="E13" s="47">
        <v>-1492</v>
      </c>
      <c r="F13" s="47">
        <v>75189</v>
      </c>
      <c r="G13" s="47">
        <v>76681</v>
      </c>
      <c r="H13" s="47">
        <v>29183</v>
      </c>
      <c r="I13" s="47">
        <v>521832</v>
      </c>
      <c r="J13" s="47">
        <v>492649</v>
      </c>
      <c r="K13" s="80">
        <v>8.2455154338164931</v>
      </c>
      <c r="L13" s="81">
        <v>8.4091339023059568</v>
      </c>
    </row>
    <row r="14" spans="1:12" ht="6" customHeight="1">
      <c r="A14" s="61"/>
      <c r="B14" s="85"/>
      <c r="C14" s="32"/>
      <c r="D14" s="33"/>
      <c r="E14" s="33"/>
      <c r="F14" s="33"/>
      <c r="G14" s="33"/>
      <c r="H14" s="33"/>
      <c r="I14" s="33"/>
      <c r="J14" s="33"/>
      <c r="K14" s="86"/>
      <c r="L14" s="87"/>
    </row>
    <row r="15" spans="1:12" ht="11.25" customHeight="1">
      <c r="A15" s="31"/>
      <c r="B15" s="85">
        <v>26</v>
      </c>
      <c r="C15" s="32"/>
      <c r="D15" s="33">
        <v>16507</v>
      </c>
      <c r="E15" s="33">
        <v>-285</v>
      </c>
      <c r="F15" s="33">
        <v>74459</v>
      </c>
      <c r="G15" s="33">
        <v>74744</v>
      </c>
      <c r="H15" s="33">
        <v>16792</v>
      </c>
      <c r="I15" s="33">
        <v>478908</v>
      </c>
      <c r="J15" s="33">
        <v>462116</v>
      </c>
      <c r="K15" s="86">
        <v>8.1847856136665555</v>
      </c>
      <c r="L15" s="87">
        <v>8.2161137795013772</v>
      </c>
    </row>
    <row r="16" spans="1:12" ht="11.25" customHeight="1">
      <c r="A16" s="61"/>
      <c r="B16" s="85">
        <v>25</v>
      </c>
      <c r="C16" s="32"/>
      <c r="D16" s="33">
        <v>11306</v>
      </c>
      <c r="E16" s="33">
        <v>2111</v>
      </c>
      <c r="F16" s="33">
        <v>75656</v>
      </c>
      <c r="G16" s="33">
        <v>73545</v>
      </c>
      <c r="H16" s="33">
        <v>9195</v>
      </c>
      <c r="I16" s="33">
        <v>486505</v>
      </c>
      <c r="J16" s="33">
        <v>477310</v>
      </c>
      <c r="K16" s="86">
        <v>8.3327431671142573</v>
      </c>
      <c r="L16" s="87">
        <v>8.1002378691104209</v>
      </c>
    </row>
    <row r="17" spans="1:12" ht="11.25" customHeight="1">
      <c r="A17" s="61"/>
      <c r="B17" s="85">
        <v>24</v>
      </c>
      <c r="C17" s="32"/>
      <c r="D17" s="33">
        <v>12276</v>
      </c>
      <c r="E17" s="33">
        <v>4625</v>
      </c>
      <c r="F17" s="33">
        <v>77079</v>
      </c>
      <c r="G17" s="33">
        <v>72454</v>
      </c>
      <c r="H17" s="33">
        <v>7651</v>
      </c>
      <c r="I17" s="33">
        <v>487933</v>
      </c>
      <c r="J17" s="33">
        <v>480282</v>
      </c>
      <c r="K17" s="86">
        <v>8.4970442954416985</v>
      </c>
      <c r="L17" s="87">
        <v>7.9871929758031737</v>
      </c>
    </row>
    <row r="18" spans="1:12" ht="11.25" customHeight="1">
      <c r="A18" s="61"/>
      <c r="B18" s="85">
        <v>23</v>
      </c>
      <c r="C18" s="32"/>
      <c r="D18" s="33">
        <v>9229</v>
      </c>
      <c r="E18" s="33">
        <v>5970</v>
      </c>
      <c r="F18" s="33">
        <v>77353</v>
      </c>
      <c r="G18" s="33">
        <v>71383</v>
      </c>
      <c r="H18" s="33">
        <v>3259</v>
      </c>
      <c r="I18" s="33">
        <v>484175</v>
      </c>
      <c r="J18" s="33">
        <v>480916</v>
      </c>
      <c r="K18" s="86">
        <v>8.5383487794001436</v>
      </c>
      <c r="L18" s="87">
        <v>7.8793705598996855</v>
      </c>
    </row>
    <row r="19" spans="1:12" ht="11.25" customHeight="1">
      <c r="A19" s="62"/>
      <c r="B19" s="79" t="s">
        <v>19</v>
      </c>
      <c r="C19" s="46"/>
      <c r="D19" s="47">
        <v>42896</v>
      </c>
      <c r="E19" s="47">
        <v>11519</v>
      </c>
      <c r="F19" s="47">
        <v>79870</v>
      </c>
      <c r="G19" s="47">
        <v>68351</v>
      </c>
      <c r="H19" s="47">
        <v>31377</v>
      </c>
      <c r="I19" s="47">
        <v>530727</v>
      </c>
      <c r="J19" s="47">
        <v>499350</v>
      </c>
      <c r="K19" s="80">
        <v>8.846624758454027</v>
      </c>
      <c r="L19" s="81">
        <v>7.5707480764378507</v>
      </c>
    </row>
    <row r="20" spans="1:12" ht="6" customHeight="1">
      <c r="A20" s="61"/>
      <c r="B20" s="85"/>
      <c r="C20" s="32"/>
      <c r="D20" s="33"/>
      <c r="E20" s="33"/>
      <c r="F20" s="33"/>
      <c r="G20" s="33"/>
      <c r="H20" s="33"/>
      <c r="I20" s="33"/>
      <c r="J20" s="33"/>
      <c r="K20" s="86"/>
      <c r="L20" s="87"/>
    </row>
    <row r="21" spans="1:12" ht="11.25" customHeight="1">
      <c r="A21" s="31"/>
      <c r="B21" s="85">
        <v>21</v>
      </c>
      <c r="C21" s="32"/>
      <c r="D21" s="33">
        <v>42780</v>
      </c>
      <c r="E21" s="33">
        <v>15296</v>
      </c>
      <c r="F21" s="33">
        <v>79738</v>
      </c>
      <c r="G21" s="33">
        <v>64442</v>
      </c>
      <c r="H21" s="33">
        <v>27484</v>
      </c>
      <c r="I21" s="33">
        <v>520485</v>
      </c>
      <c r="J21" s="33">
        <v>493001</v>
      </c>
      <c r="K21" s="86">
        <v>8.8584411374372625</v>
      </c>
      <c r="L21" s="87">
        <v>7.1591419872423696</v>
      </c>
    </row>
    <row r="22" spans="1:12" ht="11.25" customHeight="1">
      <c r="A22" s="61"/>
      <c r="B22" s="85">
        <v>20</v>
      </c>
      <c r="C22" s="32"/>
      <c r="D22" s="33">
        <v>55096</v>
      </c>
      <c r="E22" s="33">
        <v>16427</v>
      </c>
      <c r="F22" s="33">
        <v>80276</v>
      </c>
      <c r="G22" s="33">
        <v>63849</v>
      </c>
      <c r="H22" s="33">
        <v>38669</v>
      </c>
      <c r="I22" s="33">
        <v>530261</v>
      </c>
      <c r="J22" s="33">
        <v>491592</v>
      </c>
      <c r="K22" s="86">
        <v>8.9726517205928147</v>
      </c>
      <c r="L22" s="87">
        <v>7.1365643493463873</v>
      </c>
    </row>
    <row r="23" spans="1:12" ht="11.25" customHeight="1">
      <c r="A23" s="61"/>
      <c r="B23" s="85">
        <v>19</v>
      </c>
      <c r="C23" s="32"/>
      <c r="D23" s="33">
        <v>62090</v>
      </c>
      <c r="E23" s="33">
        <v>19192</v>
      </c>
      <c r="F23" s="33">
        <v>80674</v>
      </c>
      <c r="G23" s="33">
        <v>61482</v>
      </c>
      <c r="H23" s="33">
        <v>42898</v>
      </c>
      <c r="I23" s="33">
        <v>549582</v>
      </c>
      <c r="J23" s="33">
        <v>506684</v>
      </c>
      <c r="K23" s="86">
        <v>9.0747590561143721</v>
      </c>
      <c r="L23" s="87">
        <v>6.9159126396115704</v>
      </c>
    </row>
    <row r="24" spans="1:12" ht="11.25" customHeight="1">
      <c r="A24" s="61"/>
      <c r="B24" s="85">
        <v>18</v>
      </c>
      <c r="C24" s="32"/>
      <c r="D24" s="33">
        <v>46534</v>
      </c>
      <c r="E24" s="33">
        <v>20836</v>
      </c>
      <c r="F24" s="33">
        <v>80256</v>
      </c>
      <c r="G24" s="33">
        <v>59420</v>
      </c>
      <c r="H24" s="33">
        <v>25698</v>
      </c>
      <c r="I24" s="33">
        <v>543598</v>
      </c>
      <c r="J24" s="33">
        <v>517900</v>
      </c>
      <c r="K24" s="86">
        <v>9.0878239397170724</v>
      </c>
      <c r="L24" s="87">
        <v>6.7284501906148879</v>
      </c>
    </row>
    <row r="25" spans="1:12" ht="11.25" customHeight="1">
      <c r="A25" s="62"/>
      <c r="B25" s="79" t="s">
        <v>20</v>
      </c>
      <c r="C25" s="46"/>
      <c r="D25" s="47">
        <v>52901</v>
      </c>
      <c r="E25" s="47">
        <v>18418</v>
      </c>
      <c r="F25" s="47">
        <v>77579</v>
      </c>
      <c r="G25" s="47">
        <v>59161</v>
      </c>
      <c r="H25" s="47">
        <v>34483</v>
      </c>
      <c r="I25" s="47">
        <v>568091</v>
      </c>
      <c r="J25" s="47">
        <v>533608</v>
      </c>
      <c r="K25" s="80">
        <v>8.8365684194196064</v>
      </c>
      <c r="L25" s="81">
        <v>6.7386821725116759</v>
      </c>
    </row>
    <row r="26" spans="1:12" ht="6" customHeight="1">
      <c r="A26" s="61"/>
      <c r="B26" s="85"/>
      <c r="C26" s="32"/>
      <c r="D26" s="33"/>
      <c r="E26" s="33"/>
      <c r="F26" s="33"/>
      <c r="G26" s="33"/>
      <c r="H26" s="33"/>
      <c r="I26" s="33"/>
      <c r="J26" s="33"/>
      <c r="K26" s="86"/>
      <c r="L26" s="87"/>
    </row>
    <row r="27" spans="1:12" ht="11.25" customHeight="1">
      <c r="A27" s="31"/>
      <c r="B27" s="85">
        <v>16</v>
      </c>
      <c r="C27" s="32"/>
      <c r="D27" s="33">
        <v>51011</v>
      </c>
      <c r="E27" s="33">
        <v>25047</v>
      </c>
      <c r="F27" s="33">
        <v>81067</v>
      </c>
      <c r="G27" s="33">
        <v>56020</v>
      </c>
      <c r="H27" s="33">
        <v>25964</v>
      </c>
      <c r="I27" s="33">
        <v>558651</v>
      </c>
      <c r="J27" s="33">
        <v>532687</v>
      </c>
      <c r="K27" s="86">
        <v>9.2789761546554796</v>
      </c>
      <c r="L27" s="87">
        <v>6.4120819098252051</v>
      </c>
    </row>
    <row r="28" spans="1:12" ht="11.25" customHeight="1">
      <c r="A28" s="61"/>
      <c r="B28" s="85">
        <v>15</v>
      </c>
      <c r="C28" s="32"/>
      <c r="D28" s="33">
        <v>58055</v>
      </c>
      <c r="E28" s="33">
        <v>26314</v>
      </c>
      <c r="F28" s="33">
        <v>81271</v>
      </c>
      <c r="G28" s="33">
        <v>54957</v>
      </c>
      <c r="H28" s="33">
        <v>31741</v>
      </c>
      <c r="I28" s="33">
        <v>574857</v>
      </c>
      <c r="J28" s="33">
        <v>543116</v>
      </c>
      <c r="K28" s="86">
        <v>9.3651838622133017</v>
      </c>
      <c r="L28" s="87">
        <v>6.3329159173094514</v>
      </c>
    </row>
    <row r="29" spans="1:12" ht="11.25" customHeight="1">
      <c r="A29" s="61"/>
      <c r="B29" s="85">
        <v>14</v>
      </c>
      <c r="C29" s="32"/>
      <c r="D29" s="33">
        <v>64293</v>
      </c>
      <c r="E29" s="33">
        <v>29182</v>
      </c>
      <c r="F29" s="33">
        <v>82685</v>
      </c>
      <c r="G29" s="33">
        <v>53503</v>
      </c>
      <c r="H29" s="33">
        <v>35111</v>
      </c>
      <c r="I29" s="33">
        <v>571871</v>
      </c>
      <c r="J29" s="33">
        <v>536760</v>
      </c>
      <c r="K29" s="86">
        <v>9.5956938504234603</v>
      </c>
      <c r="L29" s="87">
        <v>6.2090875984665459</v>
      </c>
    </row>
    <row r="30" spans="1:12" ht="11.25" customHeight="1">
      <c r="A30" s="61"/>
      <c r="B30" s="85">
        <v>13</v>
      </c>
      <c r="C30" s="32"/>
      <c r="D30" s="33">
        <v>71874</v>
      </c>
      <c r="E30" s="33">
        <v>30898</v>
      </c>
      <c r="F30" s="33">
        <v>83163</v>
      </c>
      <c r="G30" s="33">
        <v>52265</v>
      </c>
      <c r="H30" s="33">
        <v>40976</v>
      </c>
      <c r="I30" s="33">
        <v>583135</v>
      </c>
      <c r="J30" s="33">
        <v>542159</v>
      </c>
      <c r="K30" s="86">
        <v>9.7292235748974019</v>
      </c>
      <c r="L30" s="87">
        <v>6.114472423337455</v>
      </c>
    </row>
    <row r="31" spans="1:12" ht="11.25" customHeight="1">
      <c r="A31" s="62"/>
      <c r="B31" s="79" t="s">
        <v>21</v>
      </c>
      <c r="C31" s="46"/>
      <c r="D31" s="47">
        <v>57324</v>
      </c>
      <c r="E31" s="47">
        <v>33217</v>
      </c>
      <c r="F31" s="47">
        <v>84411</v>
      </c>
      <c r="G31" s="47">
        <v>51194</v>
      </c>
      <c r="H31" s="47">
        <v>24107</v>
      </c>
      <c r="I31" s="47">
        <v>591245</v>
      </c>
      <c r="J31" s="47">
        <v>567138</v>
      </c>
      <c r="K31" s="80">
        <v>9.9548692779933585</v>
      </c>
      <c r="L31" s="81">
        <v>6.0374782648895531</v>
      </c>
    </row>
    <row r="32" spans="1:12" ht="6" customHeight="1">
      <c r="A32" s="61"/>
      <c r="B32" s="85"/>
      <c r="C32" s="32"/>
      <c r="D32" s="33"/>
      <c r="E32" s="33"/>
      <c r="F32" s="33"/>
      <c r="G32" s="33"/>
      <c r="H32" s="33"/>
      <c r="I32" s="33"/>
      <c r="J32" s="33"/>
      <c r="K32" s="86"/>
      <c r="L32" s="87"/>
    </row>
    <row r="33" spans="1:12" ht="11.25" customHeight="1">
      <c r="A33" s="31"/>
      <c r="B33" s="85">
        <v>11</v>
      </c>
      <c r="C33" s="32"/>
      <c r="D33" s="33">
        <v>47838</v>
      </c>
      <c r="E33" s="33">
        <v>31408</v>
      </c>
      <c r="F33" s="33">
        <v>83308</v>
      </c>
      <c r="G33" s="33">
        <v>51900</v>
      </c>
      <c r="H33" s="33">
        <v>16430</v>
      </c>
      <c r="I33" s="33">
        <v>572124</v>
      </c>
      <c r="J33" s="33">
        <v>555694</v>
      </c>
      <c r="K33" s="86">
        <v>9.8853316714597401</v>
      </c>
      <c r="L33" s="87">
        <v>6.1584567358328206</v>
      </c>
    </row>
    <row r="34" spans="1:12" ht="11.25" customHeight="1">
      <c r="A34" s="61"/>
      <c r="B34" s="85">
        <v>10</v>
      </c>
      <c r="C34" s="32"/>
      <c r="D34" s="33">
        <v>57499</v>
      </c>
      <c r="E34" s="33">
        <v>34626</v>
      </c>
      <c r="F34" s="33">
        <v>84711</v>
      </c>
      <c r="G34" s="33">
        <v>50085</v>
      </c>
      <c r="H34" s="33">
        <v>22873</v>
      </c>
      <c r="I34" s="33">
        <v>574061</v>
      </c>
      <c r="J34" s="33">
        <v>551188</v>
      </c>
      <c r="K34" s="86">
        <v>10.110553557909657</v>
      </c>
      <c r="L34" s="87">
        <v>5.9778195859794492</v>
      </c>
    </row>
    <row r="35" spans="1:12" ht="11.25" customHeight="1">
      <c r="A35" s="61"/>
      <c r="B35" s="85">
        <v>9</v>
      </c>
      <c r="C35" s="32"/>
      <c r="D35" s="33">
        <v>45333</v>
      </c>
      <c r="E35" s="33">
        <v>35197</v>
      </c>
      <c r="F35" s="33">
        <v>82961</v>
      </c>
      <c r="G35" s="33">
        <v>47764</v>
      </c>
      <c r="H35" s="33">
        <v>10136</v>
      </c>
      <c r="I35" s="33">
        <v>579491</v>
      </c>
      <c r="J35" s="33">
        <v>569355</v>
      </c>
      <c r="K35" s="86">
        <v>9.9708677735366322</v>
      </c>
      <c r="L35" s="87">
        <v>5.7406314814817039</v>
      </c>
    </row>
    <row r="36" spans="1:12" ht="11.25" customHeight="1">
      <c r="A36" s="61"/>
      <c r="B36" s="85">
        <v>8</v>
      </c>
      <c r="C36" s="32"/>
      <c r="D36" s="33">
        <v>42839</v>
      </c>
      <c r="E36" s="33">
        <v>36959</v>
      </c>
      <c r="F36" s="33">
        <v>83046</v>
      </c>
      <c r="G36" s="33">
        <v>46087</v>
      </c>
      <c r="H36" s="33">
        <v>5880</v>
      </c>
      <c r="I36" s="33">
        <v>590290</v>
      </c>
      <c r="J36" s="33">
        <v>584410</v>
      </c>
      <c r="K36" s="86">
        <v>10.034985784193067</v>
      </c>
      <c r="L36" s="87">
        <v>5.5689905574754457</v>
      </c>
    </row>
    <row r="37" spans="1:12" ht="11.25" customHeight="1">
      <c r="A37" s="62"/>
      <c r="B37" s="79" t="s">
        <v>22</v>
      </c>
      <c r="C37" s="46"/>
      <c r="D37" s="47">
        <v>13825</v>
      </c>
      <c r="E37" s="47">
        <v>35304</v>
      </c>
      <c r="F37" s="47">
        <v>82204</v>
      </c>
      <c r="G37" s="47">
        <v>46900</v>
      </c>
      <c r="H37" s="47">
        <v>-21479</v>
      </c>
      <c r="I37" s="47">
        <v>598915</v>
      </c>
      <c r="J37" s="47">
        <v>620394</v>
      </c>
      <c r="K37" s="80">
        <v>9.9517605224153698</v>
      </c>
      <c r="L37" s="81">
        <v>5.6777963177130175</v>
      </c>
    </row>
    <row r="38" spans="1:12" ht="6" customHeight="1">
      <c r="A38" s="61"/>
      <c r="B38" s="85"/>
      <c r="C38" s="32"/>
      <c r="D38" s="33"/>
      <c r="E38" s="33"/>
      <c r="F38" s="33"/>
      <c r="G38" s="33"/>
      <c r="H38" s="33"/>
      <c r="I38" s="33"/>
      <c r="J38" s="33"/>
      <c r="K38" s="86"/>
      <c r="L38" s="87"/>
    </row>
    <row r="39" spans="1:12" ht="11.25" customHeight="1">
      <c r="A39" s="31"/>
      <c r="B39" s="85">
        <v>6</v>
      </c>
      <c r="C39" s="32"/>
      <c r="D39" s="33">
        <v>41968</v>
      </c>
      <c r="E39" s="33">
        <v>40246</v>
      </c>
      <c r="F39" s="33">
        <v>85015</v>
      </c>
      <c r="G39" s="33">
        <v>44769</v>
      </c>
      <c r="H39" s="33">
        <v>1722</v>
      </c>
      <c r="I39" s="33">
        <v>599910</v>
      </c>
      <c r="J39" s="33">
        <v>598188</v>
      </c>
      <c r="K39" s="86">
        <v>10.34199567975493</v>
      </c>
      <c r="L39" s="87">
        <v>5.4461072115150087</v>
      </c>
    </row>
    <row r="40" spans="1:12" ht="11.25" customHeight="1">
      <c r="A40" s="61"/>
      <c r="B40" s="85">
        <v>5</v>
      </c>
      <c r="C40" s="32"/>
      <c r="D40" s="33">
        <v>48360</v>
      </c>
      <c r="E40" s="33">
        <v>36360</v>
      </c>
      <c r="F40" s="33">
        <v>80550</v>
      </c>
      <c r="G40" s="33">
        <v>44190</v>
      </c>
      <c r="H40" s="33">
        <v>12000</v>
      </c>
      <c r="I40" s="33">
        <v>597641</v>
      </c>
      <c r="J40" s="33">
        <v>585641</v>
      </c>
      <c r="K40" s="86">
        <v>9.8455441304056084</v>
      </c>
      <c r="L40" s="87">
        <v>5.4012985117644172</v>
      </c>
    </row>
    <row r="41" spans="1:12" ht="11.25" customHeight="1">
      <c r="A41" s="61"/>
      <c r="B41" s="85">
        <v>4</v>
      </c>
      <c r="C41" s="32"/>
      <c r="D41" s="33">
        <v>63663</v>
      </c>
      <c r="E41" s="33">
        <v>38388</v>
      </c>
      <c r="F41" s="33">
        <v>80794</v>
      </c>
      <c r="G41" s="33">
        <v>42406</v>
      </c>
      <c r="H41" s="33">
        <v>25275</v>
      </c>
      <c r="I41" s="33">
        <v>593602</v>
      </c>
      <c r="J41" s="33">
        <v>568327</v>
      </c>
      <c r="K41" s="86">
        <v>9.9356300444283541</v>
      </c>
      <c r="L41" s="87">
        <v>5.2148714962005691</v>
      </c>
    </row>
    <row r="42" spans="1:12" ht="11.25" customHeight="1">
      <c r="A42" s="61"/>
      <c r="B42" s="85">
        <v>3</v>
      </c>
      <c r="C42" s="32"/>
      <c r="D42" s="33">
        <v>86102</v>
      </c>
      <c r="E42" s="33">
        <v>40921</v>
      </c>
      <c r="F42" s="33">
        <v>81652</v>
      </c>
      <c r="G42" s="33">
        <v>40731</v>
      </c>
      <c r="H42" s="33">
        <v>45181</v>
      </c>
      <c r="I42" s="33">
        <v>596314</v>
      </c>
      <c r="J42" s="33">
        <v>551133</v>
      </c>
      <c r="K42" s="86">
        <v>10.134822733073182</v>
      </c>
      <c r="L42" s="87">
        <v>5.0556197611914442</v>
      </c>
    </row>
    <row r="43" spans="1:12" ht="11.25" customHeight="1">
      <c r="A43" s="62"/>
      <c r="B43" s="79" t="s">
        <v>23</v>
      </c>
      <c r="C43" s="46"/>
      <c r="D43" s="47">
        <v>88365</v>
      </c>
      <c r="E43" s="47">
        <v>39966</v>
      </c>
      <c r="F43" s="47">
        <v>79435</v>
      </c>
      <c r="G43" s="47">
        <v>39469</v>
      </c>
      <c r="H43" s="47">
        <v>48399</v>
      </c>
      <c r="I43" s="47">
        <v>611876</v>
      </c>
      <c r="J43" s="47">
        <v>563477</v>
      </c>
      <c r="K43" s="80">
        <v>9.9612859796357629</v>
      </c>
      <c r="L43" s="81">
        <v>4.9494806612984696</v>
      </c>
    </row>
    <row r="44" spans="1:12" ht="6" customHeight="1">
      <c r="A44" s="61"/>
      <c r="B44" s="85"/>
      <c r="C44" s="32"/>
      <c r="D44" s="33"/>
      <c r="E44" s="33"/>
      <c r="F44" s="33"/>
      <c r="G44" s="33"/>
      <c r="H44" s="33"/>
      <c r="I44" s="33"/>
      <c r="J44" s="33"/>
      <c r="K44" s="86"/>
      <c r="L44" s="87"/>
    </row>
    <row r="45" spans="1:12" ht="11.25" customHeight="1">
      <c r="A45" s="31"/>
      <c r="B45" s="85" t="s">
        <v>24</v>
      </c>
      <c r="C45" s="32"/>
      <c r="D45" s="33">
        <v>100278</v>
      </c>
      <c r="E45" s="33">
        <v>42342</v>
      </c>
      <c r="F45" s="33">
        <v>79173</v>
      </c>
      <c r="G45" s="33">
        <v>36831</v>
      </c>
      <c r="H45" s="33">
        <v>57936</v>
      </c>
      <c r="I45" s="33">
        <v>585529</v>
      </c>
      <c r="J45" s="33">
        <v>527593</v>
      </c>
      <c r="K45" s="86">
        <v>10.055043466698265</v>
      </c>
      <c r="L45" s="87">
        <v>4.6775707112521161</v>
      </c>
    </row>
    <row r="46" spans="1:12" ht="11.25" customHeight="1">
      <c r="A46" s="61"/>
      <c r="B46" s="85" t="s">
        <v>25</v>
      </c>
      <c r="C46" s="32"/>
      <c r="D46" s="33">
        <v>109017</v>
      </c>
      <c r="E46" s="33">
        <v>47324</v>
      </c>
      <c r="F46" s="33">
        <v>84328</v>
      </c>
      <c r="G46" s="33">
        <v>37004</v>
      </c>
      <c r="H46" s="33">
        <v>61693</v>
      </c>
      <c r="I46" s="33">
        <v>568062</v>
      </c>
      <c r="J46" s="33">
        <v>506369</v>
      </c>
      <c r="K46" s="86">
        <v>10.852556550007174</v>
      </c>
      <c r="L46" s="87">
        <v>4.7622142417283166</v>
      </c>
    </row>
    <row r="47" spans="1:12" ht="11.25" customHeight="1">
      <c r="A47" s="61"/>
      <c r="B47" s="85">
        <v>62</v>
      </c>
      <c r="C47" s="32"/>
      <c r="D47" s="33">
        <v>128890</v>
      </c>
      <c r="E47" s="33">
        <v>48655</v>
      </c>
      <c r="F47" s="33">
        <v>83506</v>
      </c>
      <c r="G47" s="33">
        <v>34851</v>
      </c>
      <c r="H47" s="33">
        <v>80235</v>
      </c>
      <c r="I47" s="33">
        <v>579558</v>
      </c>
      <c r="J47" s="33">
        <v>499323</v>
      </c>
      <c r="K47" s="86">
        <v>10.905958862022107</v>
      </c>
      <c r="L47" s="87">
        <v>4.5515720103984441</v>
      </c>
    </row>
    <row r="48" spans="1:12" ht="11.25" customHeight="1">
      <c r="A48" s="61"/>
      <c r="B48" s="85">
        <v>61</v>
      </c>
      <c r="C48" s="32"/>
      <c r="D48" s="33">
        <v>119944</v>
      </c>
      <c r="E48" s="33">
        <v>49040</v>
      </c>
      <c r="F48" s="33">
        <v>83036</v>
      </c>
      <c r="G48" s="33">
        <v>33996</v>
      </c>
      <c r="H48" s="33">
        <v>70904</v>
      </c>
      <c r="I48" s="33">
        <v>559606</v>
      </c>
      <c r="J48" s="33">
        <v>488702</v>
      </c>
      <c r="K48" s="86">
        <v>11.033199118842871</v>
      </c>
      <c r="L48" s="87">
        <v>4.5171327766773715</v>
      </c>
    </row>
    <row r="49" spans="1:12" ht="11.25" customHeight="1">
      <c r="A49" s="62"/>
      <c r="B49" s="79" t="s">
        <v>26</v>
      </c>
      <c r="C49" s="46"/>
      <c r="D49" s="47">
        <v>102260</v>
      </c>
      <c r="E49" s="47">
        <v>52583</v>
      </c>
      <c r="F49" s="47">
        <v>86202</v>
      </c>
      <c r="G49" s="47">
        <v>33619</v>
      </c>
      <c r="H49" s="47">
        <v>49677</v>
      </c>
      <c r="I49" s="47">
        <v>545369</v>
      </c>
      <c r="J49" s="47">
        <v>495692</v>
      </c>
      <c r="K49" s="80">
        <v>11.627944620972871</v>
      </c>
      <c r="L49" s="81">
        <v>4.5349280783797008</v>
      </c>
    </row>
    <row r="50" spans="1:12" ht="6" customHeight="1">
      <c r="A50" s="61"/>
      <c r="B50" s="85"/>
      <c r="C50" s="32"/>
      <c r="D50" s="33"/>
      <c r="E50" s="33"/>
      <c r="F50" s="33"/>
      <c r="G50" s="33"/>
      <c r="H50" s="33"/>
      <c r="I50" s="33"/>
      <c r="J50" s="33"/>
      <c r="K50" s="86"/>
      <c r="L50" s="87"/>
    </row>
    <row r="51" spans="1:12" ht="11.25" customHeight="1">
      <c r="A51" s="31"/>
      <c r="B51" s="85">
        <v>59</v>
      </c>
      <c r="C51" s="32"/>
      <c r="D51" s="33">
        <v>101415</v>
      </c>
      <c r="E51" s="33">
        <v>55972</v>
      </c>
      <c r="F51" s="33">
        <v>88786</v>
      </c>
      <c r="G51" s="33">
        <v>32814</v>
      </c>
      <c r="H51" s="33">
        <v>45443</v>
      </c>
      <c r="I51" s="33">
        <v>529376</v>
      </c>
      <c r="J51" s="33">
        <v>483933</v>
      </c>
      <c r="K51" s="86">
        <v>12.145736249590461</v>
      </c>
      <c r="L51" s="87">
        <v>4.4888855145412725</v>
      </c>
    </row>
    <row r="52" spans="1:12" ht="11.25" customHeight="1">
      <c r="A52" s="61"/>
      <c r="B52" s="85">
        <v>58</v>
      </c>
      <c r="C52" s="32"/>
      <c r="D52" s="33">
        <v>100535</v>
      </c>
      <c r="E52" s="33">
        <v>58352</v>
      </c>
      <c r="F52" s="33">
        <v>90597</v>
      </c>
      <c r="G52" s="33">
        <v>32245</v>
      </c>
      <c r="H52" s="33">
        <v>42183</v>
      </c>
      <c r="I52" s="33">
        <v>530510</v>
      </c>
      <c r="J52" s="33">
        <v>488327</v>
      </c>
      <c r="K52" s="86">
        <v>12.562638474395913</v>
      </c>
      <c r="L52" s="87">
        <v>4.4712548716502338</v>
      </c>
    </row>
    <row r="53" spans="1:12" ht="11.25" customHeight="1">
      <c r="A53" s="61"/>
      <c r="B53" s="85">
        <v>57</v>
      </c>
      <c r="C53" s="32"/>
      <c r="D53" s="33">
        <v>103483</v>
      </c>
      <c r="E53" s="33">
        <v>60339</v>
      </c>
      <c r="F53" s="33">
        <v>90554</v>
      </c>
      <c r="G53" s="33">
        <v>30215</v>
      </c>
      <c r="H53" s="33">
        <v>43144</v>
      </c>
      <c r="I53" s="33">
        <v>542446</v>
      </c>
      <c r="J53" s="33">
        <v>499302</v>
      </c>
      <c r="K53" s="86">
        <v>12.735100239305238</v>
      </c>
      <c r="L53" s="87">
        <v>4.2492993543146378</v>
      </c>
    </row>
    <row r="54" spans="1:12" ht="11.25" customHeight="1">
      <c r="A54" s="61"/>
      <c r="B54" s="85">
        <v>56</v>
      </c>
      <c r="C54" s="32"/>
      <c r="D54" s="33">
        <v>100986</v>
      </c>
      <c r="E54" s="33">
        <v>62127</v>
      </c>
      <c r="F54" s="33">
        <v>92348</v>
      </c>
      <c r="G54" s="33">
        <v>30221</v>
      </c>
      <c r="H54" s="33">
        <v>38859</v>
      </c>
      <c r="I54" s="33">
        <v>540831</v>
      </c>
      <c r="J54" s="33">
        <v>501972</v>
      </c>
      <c r="K54" s="86">
        <v>13.183497415635923</v>
      </c>
      <c r="L54" s="87">
        <v>4.3143162320562789</v>
      </c>
    </row>
    <row r="55" spans="1:12" ht="11.25" customHeight="1">
      <c r="A55" s="62"/>
      <c r="B55" s="79" t="s">
        <v>27</v>
      </c>
      <c r="C55" s="46"/>
      <c r="D55" s="47">
        <v>86534</v>
      </c>
      <c r="E55" s="47">
        <v>64640</v>
      </c>
      <c r="F55" s="47">
        <v>94274</v>
      </c>
      <c r="G55" s="47">
        <v>29634</v>
      </c>
      <c r="H55" s="47">
        <v>21894</v>
      </c>
      <c r="I55" s="47">
        <v>549403</v>
      </c>
      <c r="J55" s="47">
        <v>527509</v>
      </c>
      <c r="K55" s="80">
        <v>13.642075602862413</v>
      </c>
      <c r="L55" s="81">
        <v>4.2882371429580246</v>
      </c>
    </row>
    <row r="56" spans="1:12" ht="6" customHeight="1">
      <c r="A56" s="61"/>
      <c r="B56" s="85"/>
      <c r="C56" s="32"/>
      <c r="D56" s="33"/>
      <c r="E56" s="33"/>
      <c r="F56" s="33"/>
      <c r="G56" s="33"/>
      <c r="H56" s="33"/>
      <c r="I56" s="33"/>
      <c r="J56" s="33"/>
      <c r="K56" s="86"/>
      <c r="L56" s="87"/>
    </row>
    <row r="57" spans="1:12" ht="11.25" customHeight="1">
      <c r="A57" s="31"/>
      <c r="B57" s="85">
        <v>54</v>
      </c>
      <c r="C57" s="32"/>
      <c r="D57" s="33">
        <v>97817</v>
      </c>
      <c r="E57" s="33">
        <v>71989</v>
      </c>
      <c r="F57" s="33">
        <v>99947</v>
      </c>
      <c r="G57" s="33">
        <v>27958</v>
      </c>
      <c r="H57" s="33">
        <v>25828</v>
      </c>
      <c r="I57" s="33">
        <v>572868</v>
      </c>
      <c r="J57" s="33">
        <v>547040</v>
      </c>
      <c r="K57" s="86">
        <v>14.659486358421486</v>
      </c>
      <c r="L57" s="87">
        <v>4.1006725525403258</v>
      </c>
    </row>
    <row r="58" spans="1:12" ht="11.25" customHeight="1">
      <c r="A58" s="61"/>
      <c r="B58" s="85">
        <v>53</v>
      </c>
      <c r="C58" s="32"/>
      <c r="D58" s="33">
        <v>112529</v>
      </c>
      <c r="E58" s="33">
        <v>76221</v>
      </c>
      <c r="F58" s="33">
        <v>104017</v>
      </c>
      <c r="G58" s="33">
        <v>27796</v>
      </c>
      <c r="H58" s="33">
        <v>36308</v>
      </c>
      <c r="I58" s="33">
        <v>577221</v>
      </c>
      <c r="J58" s="33">
        <v>540913</v>
      </c>
      <c r="K58" s="86">
        <v>15.501116121491602</v>
      </c>
      <c r="L58" s="87">
        <v>4.1422942760604569</v>
      </c>
    </row>
    <row r="59" spans="1:12" ht="11.25" customHeight="1">
      <c r="A59" s="61"/>
      <c r="B59" s="85">
        <v>52</v>
      </c>
      <c r="C59" s="32"/>
      <c r="D59" s="33">
        <v>112020</v>
      </c>
      <c r="E59" s="33">
        <v>81332</v>
      </c>
      <c r="F59" s="33">
        <v>108145</v>
      </c>
      <c r="G59" s="33">
        <v>26813</v>
      </c>
      <c r="H59" s="33">
        <v>30688</v>
      </c>
      <c r="I59" s="33">
        <v>580079</v>
      </c>
      <c r="J59" s="33">
        <v>549391</v>
      </c>
      <c r="K59" s="86">
        <v>16.385407449606671</v>
      </c>
      <c r="L59" s="87">
        <v>4.0625265148301235</v>
      </c>
    </row>
    <row r="60" spans="1:12" ht="11.25" customHeight="1">
      <c r="A60" s="61"/>
      <c r="B60" s="85">
        <v>51</v>
      </c>
      <c r="C60" s="32"/>
      <c r="D60" s="33">
        <v>113349</v>
      </c>
      <c r="E60" s="33">
        <v>87123</v>
      </c>
      <c r="F60" s="33">
        <v>113644</v>
      </c>
      <c r="G60" s="33">
        <v>26521</v>
      </c>
      <c r="H60" s="33">
        <v>26226</v>
      </c>
      <c r="I60" s="33">
        <v>582766</v>
      </c>
      <c r="J60" s="33">
        <v>556540</v>
      </c>
      <c r="K60" s="86">
        <v>17.509671272269195</v>
      </c>
      <c r="L60" s="87">
        <v>4.0862165341931931</v>
      </c>
    </row>
    <row r="61" spans="1:12" ht="11.25" customHeight="1">
      <c r="A61" s="62"/>
      <c r="B61" s="79" t="s">
        <v>28</v>
      </c>
      <c r="C61" s="46"/>
      <c r="D61" s="47">
        <v>125327</v>
      </c>
      <c r="E61" s="47">
        <v>90784</v>
      </c>
      <c r="F61" s="47">
        <v>117269</v>
      </c>
      <c r="G61" s="47">
        <v>26485</v>
      </c>
      <c r="H61" s="47">
        <v>34543</v>
      </c>
      <c r="I61" s="47">
        <v>607335</v>
      </c>
      <c r="J61" s="47">
        <v>572792</v>
      </c>
      <c r="K61" s="80">
        <v>18.393587865618223</v>
      </c>
      <c r="L61" s="81">
        <v>4.1541598770425141</v>
      </c>
    </row>
    <row r="62" spans="1:12" ht="6" customHeight="1">
      <c r="A62" s="61"/>
      <c r="B62" s="85"/>
      <c r="C62" s="32"/>
      <c r="D62" s="33"/>
      <c r="E62" s="33"/>
      <c r="F62" s="33"/>
      <c r="G62" s="33"/>
      <c r="H62" s="33"/>
      <c r="I62" s="33"/>
      <c r="J62" s="33"/>
      <c r="K62" s="86"/>
      <c r="L62" s="87"/>
    </row>
    <row r="63" spans="1:12" ht="11.25" customHeight="1">
      <c r="A63" s="31"/>
      <c r="B63" s="85">
        <v>49</v>
      </c>
      <c r="C63" s="32"/>
      <c r="D63" s="33">
        <v>157902</v>
      </c>
      <c r="E63" s="33">
        <v>101799</v>
      </c>
      <c r="F63" s="33">
        <v>128524</v>
      </c>
      <c r="G63" s="33">
        <v>26725</v>
      </c>
      <c r="H63" s="33">
        <v>56103</v>
      </c>
      <c r="I63" s="33">
        <v>658495</v>
      </c>
      <c r="J63" s="33">
        <v>602392</v>
      </c>
      <c r="K63" s="86">
        <v>20.61722376515063</v>
      </c>
      <c r="L63" s="87">
        <v>4.2871005035919403</v>
      </c>
    </row>
    <row r="64" spans="1:12" ht="11.25" customHeight="1">
      <c r="A64" s="61"/>
      <c r="B64" s="85">
        <v>48</v>
      </c>
      <c r="C64" s="32"/>
      <c r="D64" s="33">
        <v>179906</v>
      </c>
      <c r="E64" s="33">
        <v>108371</v>
      </c>
      <c r="F64" s="33">
        <v>134217</v>
      </c>
      <c r="G64" s="33">
        <v>25846</v>
      </c>
      <c r="H64" s="33">
        <v>71535</v>
      </c>
      <c r="I64" s="33">
        <v>700624</v>
      </c>
      <c r="J64" s="33">
        <v>629089</v>
      </c>
      <c r="K64" s="86">
        <v>22.127612009320117</v>
      </c>
      <c r="L64" s="87">
        <v>4.2610865985149999</v>
      </c>
    </row>
    <row r="65" spans="1:12" ht="11.25" customHeight="1">
      <c r="A65" s="61"/>
      <c r="B65" s="85">
        <v>47</v>
      </c>
      <c r="C65" s="32"/>
      <c r="D65" s="33">
        <v>199934</v>
      </c>
      <c r="E65" s="33">
        <v>106384</v>
      </c>
      <c r="F65" s="33">
        <v>131361</v>
      </c>
      <c r="G65" s="33">
        <v>24977</v>
      </c>
      <c r="H65" s="33">
        <v>93550</v>
      </c>
      <c r="I65" s="33">
        <v>701526</v>
      </c>
      <c r="J65" s="33">
        <v>607976</v>
      </c>
      <c r="K65" s="86">
        <v>22.331365980354121</v>
      </c>
      <c r="L65" s="87">
        <v>4.2460892357039377</v>
      </c>
    </row>
    <row r="66" spans="1:12" ht="11.25" customHeight="1">
      <c r="A66" s="61"/>
      <c r="B66" s="85">
        <v>46</v>
      </c>
      <c r="C66" s="32"/>
      <c r="D66" s="33">
        <v>233876</v>
      </c>
      <c r="E66" s="33">
        <v>102700</v>
      </c>
      <c r="F66" s="33">
        <v>126635</v>
      </c>
      <c r="G66" s="33">
        <v>23935</v>
      </c>
      <c r="H66" s="33">
        <v>131176</v>
      </c>
      <c r="I66" s="33">
        <v>714259</v>
      </c>
      <c r="J66" s="33">
        <v>583083</v>
      </c>
      <c r="K66" s="86">
        <v>22.334983301894862</v>
      </c>
      <c r="L66" s="87">
        <v>4.2214855713732664</v>
      </c>
    </row>
    <row r="67" spans="1:12" ht="11.25" customHeight="1">
      <c r="A67" s="62"/>
      <c r="B67" s="79" t="s">
        <v>29</v>
      </c>
      <c r="C67" s="46"/>
      <c r="D67" s="47">
        <v>231476</v>
      </c>
      <c r="E67" s="47">
        <v>97696</v>
      </c>
      <c r="F67" s="47">
        <v>120706</v>
      </c>
      <c r="G67" s="47">
        <v>23010</v>
      </c>
      <c r="H67" s="47">
        <v>133780</v>
      </c>
      <c r="I67" s="47">
        <v>770448</v>
      </c>
      <c r="J67" s="47">
        <v>636668</v>
      </c>
      <c r="K67" s="80">
        <v>22.20187509150691</v>
      </c>
      <c r="L67" s="81">
        <v>4.2323094614648316</v>
      </c>
    </row>
    <row r="68" spans="1:12" ht="6" customHeight="1">
      <c r="A68" s="61"/>
      <c r="B68" s="85"/>
      <c r="C68" s="32"/>
      <c r="D68" s="33"/>
      <c r="E68" s="33"/>
      <c r="F68" s="33"/>
      <c r="G68" s="33"/>
      <c r="H68" s="33"/>
      <c r="I68" s="33"/>
      <c r="J68" s="33"/>
      <c r="K68" s="86"/>
      <c r="L68" s="87"/>
    </row>
    <row r="69" spans="1:12" s="29" customFormat="1" ht="11.25" customHeight="1">
      <c r="A69" s="31"/>
      <c r="B69" s="85">
        <v>44</v>
      </c>
      <c r="C69" s="32"/>
      <c r="D69" s="33">
        <v>219526</v>
      </c>
      <c r="E69" s="33">
        <v>90246</v>
      </c>
      <c r="F69" s="33">
        <v>111300</v>
      </c>
      <c r="G69" s="33">
        <v>21054</v>
      </c>
      <c r="H69" s="33">
        <v>129280</v>
      </c>
      <c r="I69" s="33">
        <v>728289</v>
      </c>
      <c r="J69" s="33">
        <v>599009</v>
      </c>
      <c r="K69" s="86">
        <v>21.369449559075104</v>
      </c>
      <c r="L69" s="87">
        <v>4.0423395419296249</v>
      </c>
    </row>
    <row r="70" spans="1:12" s="29" customFormat="1" ht="11.25" customHeight="1">
      <c r="A70" s="61"/>
      <c r="B70" s="85">
        <v>43</v>
      </c>
      <c r="C70" s="32"/>
      <c r="D70" s="33">
        <v>227639</v>
      </c>
      <c r="E70" s="33">
        <v>86018</v>
      </c>
      <c r="F70" s="33">
        <v>106834</v>
      </c>
      <c r="G70" s="33">
        <v>20816</v>
      </c>
      <c r="H70" s="33">
        <v>141621</v>
      </c>
      <c r="I70" s="33">
        <v>692357</v>
      </c>
      <c r="J70" s="33">
        <v>550736</v>
      </c>
      <c r="K70" s="86">
        <v>21.449147567340535</v>
      </c>
      <c r="L70" s="87">
        <v>4.1792449572398356</v>
      </c>
    </row>
    <row r="71" spans="1:12" s="29" customFormat="1" ht="11.25" customHeight="1">
      <c r="A71" s="61"/>
      <c r="B71" s="85">
        <v>42</v>
      </c>
      <c r="C71" s="32"/>
      <c r="D71" s="33">
        <v>207214</v>
      </c>
      <c r="E71" s="33">
        <v>85699</v>
      </c>
      <c r="F71" s="33">
        <v>105413</v>
      </c>
      <c r="G71" s="33">
        <v>19714</v>
      </c>
      <c r="H71" s="33">
        <v>121515</v>
      </c>
      <c r="I71" s="33">
        <v>624117</v>
      </c>
      <c r="J71" s="33">
        <v>502602</v>
      </c>
      <c r="K71" s="86">
        <v>22.105802434987282</v>
      </c>
      <c r="L71" s="87">
        <v>4.1341560263282453</v>
      </c>
    </row>
    <row r="72" spans="1:12" s="29" customFormat="1" ht="11.25" customHeight="1">
      <c r="A72" s="31"/>
      <c r="B72" s="85">
        <v>41</v>
      </c>
      <c r="C72" s="32"/>
      <c r="D72" s="33">
        <v>164190</v>
      </c>
      <c r="E72" s="33">
        <v>55394</v>
      </c>
      <c r="F72" s="33">
        <v>74176</v>
      </c>
      <c r="G72" s="33">
        <v>18782</v>
      </c>
      <c r="H72" s="33">
        <v>108796</v>
      </c>
      <c r="I72" s="33">
        <v>606898</v>
      </c>
      <c r="J72" s="33">
        <v>498102</v>
      </c>
      <c r="K72" s="86">
        <v>16.224050071981974</v>
      </c>
      <c r="L72" s="87">
        <v>4.108068761485729</v>
      </c>
    </row>
    <row r="73" spans="1:12" s="29" customFormat="1" ht="11.25" customHeight="1">
      <c r="A73" s="62"/>
      <c r="B73" s="79" t="s">
        <v>31</v>
      </c>
      <c r="C73" s="46"/>
      <c r="D73" s="47">
        <v>219486</v>
      </c>
      <c r="E73" s="47">
        <v>73843</v>
      </c>
      <c r="F73" s="47">
        <v>91899</v>
      </c>
      <c r="G73" s="47">
        <v>18056</v>
      </c>
      <c r="H73" s="47">
        <v>145643</v>
      </c>
      <c r="I73" s="47">
        <v>622019</v>
      </c>
      <c r="J73" s="47">
        <v>476376</v>
      </c>
      <c r="K73" s="80">
        <v>20.92497597244704</v>
      </c>
      <c r="L73" s="81">
        <v>4.1112674366261199</v>
      </c>
    </row>
    <row r="74" spans="1:12" s="29" customFormat="1" ht="5.0999999999999996" customHeight="1">
      <c r="A74" s="61"/>
      <c r="B74" s="85"/>
      <c r="C74" s="32"/>
      <c r="D74" s="33"/>
      <c r="E74" s="33"/>
      <c r="F74" s="33"/>
      <c r="G74" s="33"/>
      <c r="H74" s="33"/>
      <c r="I74" s="33"/>
      <c r="J74" s="33"/>
      <c r="K74" s="86"/>
      <c r="L74" s="87"/>
    </row>
    <row r="75" spans="1:12" s="29" customFormat="1" ht="11.25" customHeight="1">
      <c r="A75" s="61"/>
      <c r="B75" s="85">
        <v>39</v>
      </c>
      <c r="C75" s="32"/>
      <c r="D75" s="33">
        <v>230897</v>
      </c>
      <c r="E75" s="33">
        <v>63494</v>
      </c>
      <c r="F75" s="33">
        <v>79361</v>
      </c>
      <c r="G75" s="33">
        <v>15867</v>
      </c>
      <c r="H75" s="33">
        <v>167403</v>
      </c>
      <c r="I75" s="33">
        <v>606259</v>
      </c>
      <c r="J75" s="33">
        <v>438856</v>
      </c>
      <c r="K75" s="86">
        <v>19.135522204376663</v>
      </c>
      <c r="L75" s="87">
        <v>3.8258506170139559</v>
      </c>
    </row>
    <row r="76" spans="1:12" s="29" customFormat="1" ht="11.25" customHeight="1">
      <c r="A76" s="61"/>
      <c r="B76" s="85">
        <v>38</v>
      </c>
      <c r="C76" s="32"/>
      <c r="D76" s="33">
        <v>187535</v>
      </c>
      <c r="E76" s="33">
        <v>54670</v>
      </c>
      <c r="F76" s="33">
        <v>70137</v>
      </c>
      <c r="G76" s="33">
        <v>15467</v>
      </c>
      <c r="H76" s="33">
        <v>132865</v>
      </c>
      <c r="I76" s="33">
        <v>502670</v>
      </c>
      <c r="J76" s="33">
        <v>369805</v>
      </c>
      <c r="K76" s="86">
        <v>17.8</v>
      </c>
      <c r="L76" s="87">
        <v>3.9</v>
      </c>
    </row>
    <row r="77" spans="1:12" s="29" customFormat="1" ht="11.25" customHeight="1">
      <c r="A77" s="61"/>
      <c r="B77" s="85">
        <v>37</v>
      </c>
      <c r="C77" s="32"/>
      <c r="D77" s="33">
        <v>192971</v>
      </c>
      <c r="E77" s="33">
        <v>47778</v>
      </c>
      <c r="F77" s="33">
        <v>64329</v>
      </c>
      <c r="G77" s="33">
        <v>16551</v>
      </c>
      <c r="H77" s="33">
        <v>145193</v>
      </c>
      <c r="I77" s="33">
        <v>463974</v>
      </c>
      <c r="J77" s="33">
        <v>318781</v>
      </c>
      <c r="K77" s="86">
        <v>17.100000000000001</v>
      </c>
      <c r="L77" s="87">
        <v>4.4000000000000004</v>
      </c>
    </row>
    <row r="78" spans="1:12" s="29" customFormat="1" ht="11.25" customHeight="1">
      <c r="A78" s="61"/>
      <c r="B78" s="85">
        <v>36</v>
      </c>
      <c r="C78" s="32"/>
      <c r="D78" s="33">
        <v>165890</v>
      </c>
      <c r="E78" s="33">
        <v>44449</v>
      </c>
      <c r="F78" s="33">
        <v>59920</v>
      </c>
      <c r="G78" s="33">
        <v>15471</v>
      </c>
      <c r="H78" s="33">
        <v>121441</v>
      </c>
      <c r="I78" s="33">
        <v>399589</v>
      </c>
      <c r="J78" s="33">
        <v>278148</v>
      </c>
      <c r="K78" s="86">
        <v>16.8</v>
      </c>
      <c r="L78" s="87">
        <v>4.3</v>
      </c>
    </row>
    <row r="79" spans="1:12" s="29" customFormat="1" ht="11.25" customHeight="1">
      <c r="A79" s="62"/>
      <c r="B79" s="79" t="s">
        <v>32</v>
      </c>
      <c r="C79" s="46"/>
      <c r="D79" s="47">
        <v>145393</v>
      </c>
      <c r="E79" s="47">
        <v>40148</v>
      </c>
      <c r="F79" s="47">
        <v>56724</v>
      </c>
      <c r="G79" s="47">
        <v>16576</v>
      </c>
      <c r="H79" s="47">
        <v>105245</v>
      </c>
      <c r="I79" s="47">
        <v>374283</v>
      </c>
      <c r="J79" s="47">
        <v>269038</v>
      </c>
      <c r="K79" s="80">
        <v>16.600000000000001</v>
      </c>
      <c r="L79" s="81">
        <v>4.9000000000000004</v>
      </c>
    </row>
    <row r="80" spans="1:12" s="29" customFormat="1" ht="5.0999999999999996" customHeight="1">
      <c r="A80" s="61"/>
      <c r="B80" s="85"/>
      <c r="C80" s="32"/>
      <c r="D80" s="33"/>
      <c r="E80" s="33"/>
      <c r="F80" s="33"/>
      <c r="G80" s="33"/>
      <c r="H80" s="33"/>
      <c r="I80" s="33"/>
      <c r="J80" s="33"/>
      <c r="K80" s="86"/>
      <c r="L80" s="87"/>
    </row>
    <row r="81" spans="1:19" s="29" customFormat="1" ht="11.25" customHeight="1">
      <c r="A81" s="61"/>
      <c r="B81" s="85">
        <v>34</v>
      </c>
      <c r="C81" s="32"/>
      <c r="D81" s="33">
        <v>123782</v>
      </c>
      <c r="E81" s="33">
        <v>38423</v>
      </c>
      <c r="F81" s="33">
        <v>55309</v>
      </c>
      <c r="G81" s="33">
        <v>16886</v>
      </c>
      <c r="H81" s="33">
        <v>85359</v>
      </c>
      <c r="I81" s="33">
        <v>348412</v>
      </c>
      <c r="J81" s="33">
        <v>263053</v>
      </c>
      <c r="K81" s="86">
        <v>16.899999999999999</v>
      </c>
      <c r="L81" s="87">
        <v>5.2</v>
      </c>
    </row>
    <row r="82" spans="1:19" s="29" customFormat="1" ht="11.25" customHeight="1">
      <c r="A82" s="61"/>
      <c r="B82" s="85" t="s">
        <v>13</v>
      </c>
      <c r="C82" s="63"/>
      <c r="D82" s="33">
        <v>109184</v>
      </c>
      <c r="E82" s="33">
        <v>35708</v>
      </c>
      <c r="F82" s="33">
        <v>53970</v>
      </c>
      <c r="G82" s="33">
        <v>18262</v>
      </c>
      <c r="H82" s="33">
        <v>73476</v>
      </c>
      <c r="I82" s="33">
        <v>363306</v>
      </c>
      <c r="J82" s="33">
        <v>289830</v>
      </c>
      <c r="K82" s="88">
        <v>17.100000000000001</v>
      </c>
      <c r="L82" s="87">
        <v>5.8</v>
      </c>
    </row>
    <row r="83" spans="1:19" s="29" customFormat="1" ht="6" customHeight="1" thickBot="1">
      <c r="A83" s="51"/>
      <c r="B83" s="52"/>
      <c r="C83" s="52"/>
      <c r="D83" s="89"/>
      <c r="E83" s="89"/>
      <c r="F83" s="89"/>
      <c r="G83" s="89"/>
      <c r="H83" s="89"/>
      <c r="I83" s="89"/>
      <c r="J83" s="89"/>
      <c r="K83" s="90"/>
      <c r="L83" s="91"/>
    </row>
    <row r="84" spans="1:19" s="264" customFormat="1" ht="13.5" customHeight="1">
      <c r="A84" s="200" t="s">
        <v>42</v>
      </c>
      <c r="B84" s="200"/>
      <c r="C84" s="200"/>
      <c r="D84" s="200"/>
      <c r="E84" s="200"/>
      <c r="F84" s="200"/>
      <c r="G84" s="200"/>
      <c r="H84" s="200"/>
      <c r="I84" s="200"/>
      <c r="J84" s="200"/>
      <c r="K84" s="200"/>
      <c r="L84" s="200"/>
    </row>
    <row r="85" spans="1:19" s="265" customFormat="1" ht="13.5" customHeight="1">
      <c r="A85" s="223" t="s">
        <v>43</v>
      </c>
      <c r="B85" s="223"/>
      <c r="C85" s="223"/>
      <c r="D85" s="223"/>
      <c r="E85" s="223"/>
      <c r="F85" s="223"/>
      <c r="G85" s="223"/>
      <c r="H85" s="223"/>
      <c r="I85" s="223"/>
      <c r="J85" s="223"/>
      <c r="K85" s="223"/>
      <c r="L85" s="223"/>
      <c r="M85" s="264"/>
      <c r="N85" s="264"/>
      <c r="O85" s="264"/>
      <c r="P85" s="264"/>
      <c r="Q85" s="264"/>
      <c r="R85" s="264"/>
      <c r="S85" s="264"/>
    </row>
    <row r="86" spans="1:19" s="265" customFormat="1" ht="13.5" customHeight="1">
      <c r="A86" s="223" t="s">
        <v>44</v>
      </c>
      <c r="B86" s="223"/>
      <c r="C86" s="223"/>
      <c r="D86" s="223"/>
      <c r="E86" s="223"/>
      <c r="F86" s="223"/>
      <c r="G86" s="223"/>
      <c r="H86" s="223"/>
      <c r="I86" s="223"/>
      <c r="J86" s="223"/>
      <c r="K86" s="223"/>
      <c r="L86" s="223"/>
      <c r="M86" s="264"/>
      <c r="N86" s="264"/>
      <c r="O86" s="264"/>
      <c r="P86" s="264"/>
      <c r="Q86" s="264"/>
      <c r="R86" s="264"/>
      <c r="S86" s="264"/>
    </row>
  </sheetData>
  <mergeCells count="11">
    <mergeCell ref="A84:L84"/>
    <mergeCell ref="A85:L85"/>
    <mergeCell ref="A86:L86"/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62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625" style="70" customWidth="1"/>
    <col min="3" max="3" width="1.25" style="70" customWidth="1"/>
    <col min="4" max="11" width="8.75" style="70" customWidth="1"/>
    <col min="12" max="18" width="6.875" style="29" customWidth="1"/>
    <col min="19" max="16384" width="9" style="30"/>
  </cols>
  <sheetData>
    <row r="1" spans="1:11" ht="17.25" customHeight="1">
      <c r="A1" s="201" t="s">
        <v>45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11" ht="13.5" customHeight="1" thickBot="1">
      <c r="A2" s="202" t="s">
        <v>46</v>
      </c>
      <c r="B2" s="202"/>
      <c r="C2" s="202"/>
      <c r="K2" s="2"/>
    </row>
    <row r="3" spans="1:11" ht="13.5" customHeight="1">
      <c r="A3" s="203" t="s">
        <v>2</v>
      </c>
      <c r="B3" s="204"/>
      <c r="C3" s="204"/>
      <c r="D3" s="212" t="s">
        <v>47</v>
      </c>
      <c r="E3" s="227"/>
      <c r="F3" s="227"/>
      <c r="G3" s="228"/>
      <c r="H3" s="212" t="s">
        <v>48</v>
      </c>
      <c r="I3" s="227"/>
      <c r="J3" s="227"/>
      <c r="K3" s="229"/>
    </row>
    <row r="4" spans="1:11" ht="13.5" customHeight="1">
      <c r="A4" s="207"/>
      <c r="B4" s="208"/>
      <c r="C4" s="208"/>
      <c r="D4" s="74" t="s">
        <v>49</v>
      </c>
      <c r="E4" s="74" t="s">
        <v>50</v>
      </c>
      <c r="F4" s="74" t="s">
        <v>51</v>
      </c>
      <c r="G4" s="74" t="s">
        <v>52</v>
      </c>
      <c r="H4" s="74" t="s">
        <v>49</v>
      </c>
      <c r="I4" s="74" t="s">
        <v>50</v>
      </c>
      <c r="J4" s="74" t="s">
        <v>51</v>
      </c>
      <c r="K4" s="92" t="s">
        <v>52</v>
      </c>
    </row>
    <row r="5" spans="1:11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3" t="s">
        <v>10</v>
      </c>
    </row>
    <row r="6" spans="1:11" ht="9.75" customHeight="1">
      <c r="A6" s="14"/>
      <c r="B6" s="15" t="s">
        <v>41</v>
      </c>
      <c r="C6" s="16"/>
      <c r="D6" s="76">
        <v>488358</v>
      </c>
      <c r="E6" s="76">
        <v>255456</v>
      </c>
      <c r="F6" s="76">
        <v>224220</v>
      </c>
      <c r="G6" s="76">
        <v>8682</v>
      </c>
      <c r="H6" s="76">
        <v>463535</v>
      </c>
      <c r="I6" s="76">
        <v>226534</v>
      </c>
      <c r="J6" s="76">
        <v>225396</v>
      </c>
      <c r="K6" s="93">
        <v>11605</v>
      </c>
    </row>
    <row r="7" spans="1:11" ht="9.75" customHeight="1">
      <c r="A7" s="44"/>
      <c r="B7" s="79" t="s">
        <v>16</v>
      </c>
      <c r="C7" s="46"/>
      <c r="D7" s="94">
        <v>532374</v>
      </c>
      <c r="E7" s="94">
        <v>261549</v>
      </c>
      <c r="F7" s="94">
        <v>221024</v>
      </c>
      <c r="G7" s="94">
        <v>49801</v>
      </c>
      <c r="H7" s="94">
        <v>475455</v>
      </c>
      <c r="I7" s="94">
        <v>223959</v>
      </c>
      <c r="J7" s="94">
        <v>221936</v>
      </c>
      <c r="K7" s="95">
        <v>29560</v>
      </c>
    </row>
    <row r="8" spans="1:11" ht="3.75" customHeight="1">
      <c r="A8" s="37"/>
      <c r="B8" s="82"/>
      <c r="C8" s="39"/>
      <c r="D8" s="96"/>
      <c r="E8" s="96"/>
      <c r="F8" s="96"/>
      <c r="G8" s="96"/>
      <c r="H8" s="96"/>
      <c r="I8" s="96"/>
      <c r="J8" s="96"/>
      <c r="K8" s="97"/>
    </row>
    <row r="9" spans="1:11" ht="9.75" customHeight="1">
      <c r="A9" s="31"/>
      <c r="B9" s="85" t="s">
        <v>17</v>
      </c>
      <c r="C9" s="32"/>
      <c r="D9" s="25">
        <v>514781</v>
      </c>
      <c r="E9" s="25">
        <v>282181</v>
      </c>
      <c r="F9" s="25">
        <v>221135</v>
      </c>
      <c r="G9" s="25">
        <v>11465</v>
      </c>
      <c r="H9" s="25">
        <v>474981</v>
      </c>
      <c r="I9" s="25">
        <v>239921</v>
      </c>
      <c r="J9" s="25">
        <v>222431</v>
      </c>
      <c r="K9" s="98">
        <v>12629</v>
      </c>
    </row>
    <row r="10" spans="1:11" ht="9.75" customHeight="1">
      <c r="A10" s="61"/>
      <c r="B10" s="85">
        <v>30</v>
      </c>
      <c r="C10" s="32"/>
      <c r="D10" s="25">
        <v>507579</v>
      </c>
      <c r="E10" s="25">
        <v>274940</v>
      </c>
      <c r="F10" s="25">
        <v>221743</v>
      </c>
      <c r="G10" s="25">
        <v>10896</v>
      </c>
      <c r="H10" s="25">
        <v>474462</v>
      </c>
      <c r="I10" s="25">
        <v>239411</v>
      </c>
      <c r="J10" s="25">
        <v>222712</v>
      </c>
      <c r="K10" s="98">
        <v>12339</v>
      </c>
    </row>
    <row r="11" spans="1:11" ht="9.75" customHeight="1">
      <c r="A11" s="61"/>
      <c r="B11" s="85">
        <v>29</v>
      </c>
      <c r="C11" s="32"/>
      <c r="D11" s="25">
        <v>496793</v>
      </c>
      <c r="E11" s="25">
        <v>265442</v>
      </c>
      <c r="F11" s="25">
        <v>220592</v>
      </c>
      <c r="G11" s="25">
        <v>10759</v>
      </c>
      <c r="H11" s="25">
        <v>469831</v>
      </c>
      <c r="I11" s="25">
        <v>237013</v>
      </c>
      <c r="J11" s="25">
        <v>221619</v>
      </c>
      <c r="K11" s="98">
        <v>11199</v>
      </c>
    </row>
    <row r="12" spans="1:11" ht="9.75" customHeight="1">
      <c r="A12" s="61"/>
      <c r="B12" s="85">
        <v>28</v>
      </c>
      <c r="C12" s="32"/>
      <c r="D12" s="25">
        <v>486889</v>
      </c>
      <c r="E12" s="25">
        <v>259314</v>
      </c>
      <c r="F12" s="25">
        <v>216791</v>
      </c>
      <c r="G12" s="25">
        <v>10784</v>
      </c>
      <c r="H12" s="25">
        <v>462172</v>
      </c>
      <c r="I12" s="25">
        <v>233261</v>
      </c>
      <c r="J12" s="25">
        <v>217581</v>
      </c>
      <c r="K12" s="98">
        <v>11330</v>
      </c>
    </row>
    <row r="13" spans="1:11" ht="9.75" customHeight="1">
      <c r="A13" s="62"/>
      <c r="B13" s="79" t="s">
        <v>18</v>
      </c>
      <c r="C13" s="46"/>
      <c r="D13" s="94">
        <v>521832</v>
      </c>
      <c r="E13" s="94">
        <v>262018</v>
      </c>
      <c r="F13" s="94">
        <v>226485</v>
      </c>
      <c r="G13" s="94">
        <v>33329</v>
      </c>
      <c r="H13" s="94">
        <v>492649</v>
      </c>
      <c r="I13" s="94">
        <v>237337</v>
      </c>
      <c r="J13" s="94">
        <v>227223</v>
      </c>
      <c r="K13" s="95">
        <v>28089</v>
      </c>
    </row>
    <row r="14" spans="1:11" ht="3.75" customHeight="1">
      <c r="A14" s="61"/>
      <c r="B14" s="85"/>
      <c r="C14" s="32"/>
      <c r="D14" s="25"/>
      <c r="E14" s="25"/>
      <c r="F14" s="25"/>
      <c r="G14" s="25"/>
      <c r="H14" s="25"/>
      <c r="I14" s="25"/>
      <c r="J14" s="25"/>
      <c r="K14" s="98"/>
    </row>
    <row r="15" spans="1:11" ht="9.75" customHeight="1">
      <c r="A15" s="31"/>
      <c r="B15" s="85">
        <v>26</v>
      </c>
      <c r="C15" s="32"/>
      <c r="D15" s="25">
        <v>478908</v>
      </c>
      <c r="E15" s="25">
        <v>241986</v>
      </c>
      <c r="F15" s="25">
        <v>217356</v>
      </c>
      <c r="G15" s="25">
        <v>19566</v>
      </c>
      <c r="H15" s="25">
        <v>462116</v>
      </c>
      <c r="I15" s="25">
        <v>229444</v>
      </c>
      <c r="J15" s="25">
        <v>218377</v>
      </c>
      <c r="K15" s="98">
        <v>14295</v>
      </c>
    </row>
    <row r="16" spans="1:11" ht="9.75" customHeight="1">
      <c r="A16" s="61"/>
      <c r="B16" s="85">
        <v>25</v>
      </c>
      <c r="C16" s="32"/>
      <c r="D16" s="25">
        <v>486505</v>
      </c>
      <c r="E16" s="25">
        <v>243151</v>
      </c>
      <c r="F16" s="25">
        <v>225349</v>
      </c>
      <c r="G16" s="25">
        <v>18005</v>
      </c>
      <c r="H16" s="25">
        <v>477310</v>
      </c>
      <c r="I16" s="25">
        <v>232820</v>
      </c>
      <c r="J16" s="25">
        <v>226205</v>
      </c>
      <c r="K16" s="98">
        <v>18285</v>
      </c>
    </row>
    <row r="17" spans="1:11" ht="9.75" customHeight="1">
      <c r="A17" s="61"/>
      <c r="B17" s="85">
        <v>24</v>
      </c>
      <c r="C17" s="32"/>
      <c r="D17" s="33">
        <v>487933</v>
      </c>
      <c r="E17" s="33">
        <v>247534</v>
      </c>
      <c r="F17" s="33">
        <v>226497</v>
      </c>
      <c r="G17" s="33">
        <v>13902</v>
      </c>
      <c r="H17" s="33">
        <v>480282</v>
      </c>
      <c r="I17" s="33">
        <v>241640</v>
      </c>
      <c r="J17" s="33">
        <v>227171</v>
      </c>
      <c r="K17" s="99">
        <v>11471</v>
      </c>
    </row>
    <row r="18" spans="1:11" ht="9.75" customHeight="1">
      <c r="A18" s="61"/>
      <c r="B18" s="85">
        <v>23</v>
      </c>
      <c r="C18" s="32"/>
      <c r="D18" s="33">
        <v>484175</v>
      </c>
      <c r="E18" s="33">
        <v>252086</v>
      </c>
      <c r="F18" s="33">
        <v>223613</v>
      </c>
      <c r="G18" s="33">
        <v>8476</v>
      </c>
      <c r="H18" s="33">
        <v>480916</v>
      </c>
      <c r="I18" s="33">
        <v>248853</v>
      </c>
      <c r="J18" s="33">
        <v>223991</v>
      </c>
      <c r="K18" s="99">
        <v>8072</v>
      </c>
    </row>
    <row r="19" spans="1:11" ht="9.75" customHeight="1">
      <c r="A19" s="62"/>
      <c r="B19" s="79" t="s">
        <v>19</v>
      </c>
      <c r="C19" s="46"/>
      <c r="D19" s="47">
        <v>530727</v>
      </c>
      <c r="E19" s="47">
        <v>262190</v>
      </c>
      <c r="F19" s="47">
        <v>231508</v>
      </c>
      <c r="G19" s="47">
        <v>37029</v>
      </c>
      <c r="H19" s="47">
        <v>499350</v>
      </c>
      <c r="I19" s="47">
        <v>250007</v>
      </c>
      <c r="J19" s="47">
        <v>231945</v>
      </c>
      <c r="K19" s="100">
        <v>17398</v>
      </c>
    </row>
    <row r="20" spans="1:11" ht="3.75" customHeight="1">
      <c r="A20" s="61"/>
      <c r="B20" s="85"/>
      <c r="C20" s="32"/>
      <c r="D20" s="33"/>
      <c r="E20" s="33"/>
      <c r="F20" s="33"/>
      <c r="G20" s="33"/>
      <c r="H20" s="33"/>
      <c r="I20" s="33"/>
      <c r="J20" s="33"/>
      <c r="K20" s="99"/>
    </row>
    <row r="21" spans="1:11" ht="9.75" customHeight="1">
      <c r="A21" s="31"/>
      <c r="B21" s="85">
        <v>21</v>
      </c>
      <c r="C21" s="32"/>
      <c r="D21" s="33">
        <v>520485</v>
      </c>
      <c r="E21" s="33">
        <v>279077</v>
      </c>
      <c r="F21" s="33">
        <v>233183</v>
      </c>
      <c r="G21" s="33">
        <v>8225</v>
      </c>
      <c r="H21" s="33">
        <v>493001</v>
      </c>
      <c r="I21" s="33">
        <v>252803</v>
      </c>
      <c r="J21" s="33">
        <v>233166</v>
      </c>
      <c r="K21" s="99">
        <v>7032</v>
      </c>
    </row>
    <row r="22" spans="1:11" ht="9.75" customHeight="1">
      <c r="A22" s="61"/>
      <c r="B22" s="85">
        <v>20</v>
      </c>
      <c r="C22" s="32"/>
      <c r="D22" s="33">
        <v>530261</v>
      </c>
      <c r="E22" s="33">
        <v>288158</v>
      </c>
      <c r="F22" s="33">
        <v>234520</v>
      </c>
      <c r="G22" s="33">
        <v>7583</v>
      </c>
      <c r="H22" s="33">
        <v>491592</v>
      </c>
      <c r="I22" s="33">
        <v>250397</v>
      </c>
      <c r="J22" s="33">
        <v>235355</v>
      </c>
      <c r="K22" s="99">
        <v>5840</v>
      </c>
    </row>
    <row r="23" spans="1:11" ht="9.75" customHeight="1">
      <c r="A23" s="61"/>
      <c r="B23" s="85">
        <v>19</v>
      </c>
      <c r="C23" s="32"/>
      <c r="D23" s="33">
        <v>549582</v>
      </c>
      <c r="E23" s="33">
        <v>295703</v>
      </c>
      <c r="F23" s="33">
        <v>245735</v>
      </c>
      <c r="G23" s="33">
        <v>8144</v>
      </c>
      <c r="H23" s="33">
        <v>506684</v>
      </c>
      <c r="I23" s="33">
        <v>254470</v>
      </c>
      <c r="J23" s="33">
        <v>245271</v>
      </c>
      <c r="K23" s="99">
        <v>6943</v>
      </c>
    </row>
    <row r="24" spans="1:11" ht="9.75" customHeight="1">
      <c r="A24" s="61"/>
      <c r="B24" s="85">
        <v>18</v>
      </c>
      <c r="C24" s="32"/>
      <c r="D24" s="33">
        <v>543598</v>
      </c>
      <c r="E24" s="33">
        <v>287052</v>
      </c>
      <c r="F24" s="33">
        <v>248133</v>
      </c>
      <c r="G24" s="33">
        <v>8413</v>
      </c>
      <c r="H24" s="33">
        <v>517900</v>
      </c>
      <c r="I24" s="33">
        <v>262166</v>
      </c>
      <c r="J24" s="33">
        <v>247837</v>
      </c>
      <c r="K24" s="99">
        <v>7897</v>
      </c>
    </row>
    <row r="25" spans="1:11" ht="9.75" customHeight="1">
      <c r="A25" s="62"/>
      <c r="B25" s="79" t="s">
        <v>20</v>
      </c>
      <c r="C25" s="46"/>
      <c r="D25" s="47">
        <v>568091</v>
      </c>
      <c r="E25" s="47">
        <v>287023</v>
      </c>
      <c r="F25" s="47">
        <v>250199</v>
      </c>
      <c r="G25" s="47">
        <v>30869</v>
      </c>
      <c r="H25" s="47">
        <v>533608</v>
      </c>
      <c r="I25" s="47">
        <v>258583</v>
      </c>
      <c r="J25" s="47">
        <v>250142</v>
      </c>
      <c r="K25" s="100">
        <v>24883</v>
      </c>
    </row>
    <row r="26" spans="1:11" ht="3.75" customHeight="1">
      <c r="A26" s="61"/>
      <c r="B26" s="85"/>
      <c r="C26" s="32"/>
      <c r="D26" s="33"/>
      <c r="E26" s="33"/>
      <c r="F26" s="33"/>
      <c r="G26" s="33"/>
      <c r="H26" s="33"/>
      <c r="I26" s="33"/>
      <c r="J26" s="33"/>
      <c r="K26" s="99"/>
    </row>
    <row r="27" spans="1:11" ht="9.75" customHeight="1">
      <c r="A27" s="31"/>
      <c r="B27" s="85">
        <v>16</v>
      </c>
      <c r="C27" s="32"/>
      <c r="D27" s="33">
        <v>558651</v>
      </c>
      <c r="E27" s="33">
        <v>289320</v>
      </c>
      <c r="F27" s="33">
        <v>260373</v>
      </c>
      <c r="G27" s="33">
        <v>8958</v>
      </c>
      <c r="H27" s="33">
        <v>532687</v>
      </c>
      <c r="I27" s="33">
        <v>264053</v>
      </c>
      <c r="J27" s="33">
        <v>259985</v>
      </c>
      <c r="K27" s="99">
        <v>8649</v>
      </c>
    </row>
    <row r="28" spans="1:11" ht="9.75" customHeight="1">
      <c r="A28" s="61"/>
      <c r="B28" s="85">
        <v>15</v>
      </c>
      <c r="C28" s="32"/>
      <c r="D28" s="33">
        <v>574857</v>
      </c>
      <c r="E28" s="33">
        <v>297780</v>
      </c>
      <c r="F28" s="33">
        <v>268202</v>
      </c>
      <c r="G28" s="33">
        <v>8875</v>
      </c>
      <c r="H28" s="33">
        <v>543116</v>
      </c>
      <c r="I28" s="33">
        <v>266691</v>
      </c>
      <c r="J28" s="33">
        <v>267895</v>
      </c>
      <c r="K28" s="99">
        <v>8530</v>
      </c>
    </row>
    <row r="29" spans="1:11" ht="9.75" customHeight="1">
      <c r="A29" s="61"/>
      <c r="B29" s="85">
        <v>14</v>
      </c>
      <c r="C29" s="32"/>
      <c r="D29" s="33">
        <v>571871</v>
      </c>
      <c r="E29" s="33">
        <v>299871</v>
      </c>
      <c r="F29" s="33">
        <v>263201</v>
      </c>
      <c r="G29" s="33">
        <v>8799</v>
      </c>
      <c r="H29" s="33">
        <v>536760</v>
      </c>
      <c r="I29" s="33">
        <v>264764</v>
      </c>
      <c r="J29" s="33">
        <v>263120</v>
      </c>
      <c r="K29" s="99">
        <v>8876</v>
      </c>
    </row>
    <row r="30" spans="1:11" ht="9.75" customHeight="1">
      <c r="A30" s="61"/>
      <c r="B30" s="85">
        <v>13</v>
      </c>
      <c r="C30" s="32"/>
      <c r="D30" s="33">
        <v>583135</v>
      </c>
      <c r="E30" s="33">
        <v>302943</v>
      </c>
      <c r="F30" s="33">
        <v>270516</v>
      </c>
      <c r="G30" s="33">
        <v>9676</v>
      </c>
      <c r="H30" s="33">
        <v>542159</v>
      </c>
      <c r="I30" s="33">
        <v>264447</v>
      </c>
      <c r="J30" s="33">
        <v>268727</v>
      </c>
      <c r="K30" s="99">
        <v>8985</v>
      </c>
    </row>
    <row r="31" spans="1:11" ht="9.75" customHeight="1">
      <c r="A31" s="62"/>
      <c r="B31" s="79" t="s">
        <v>21</v>
      </c>
      <c r="C31" s="46"/>
      <c r="D31" s="47">
        <v>591245</v>
      </c>
      <c r="E31" s="47">
        <v>295433</v>
      </c>
      <c r="F31" s="47">
        <v>272866</v>
      </c>
      <c r="G31" s="47">
        <v>22946</v>
      </c>
      <c r="H31" s="47">
        <v>567138</v>
      </c>
      <c r="I31" s="47">
        <v>271142</v>
      </c>
      <c r="J31" s="47">
        <v>272746</v>
      </c>
      <c r="K31" s="100">
        <v>23250</v>
      </c>
    </row>
    <row r="32" spans="1:11" ht="3.75" customHeight="1">
      <c r="A32" s="61"/>
      <c r="B32" s="85"/>
      <c r="C32" s="32"/>
      <c r="D32" s="33"/>
      <c r="E32" s="33"/>
      <c r="F32" s="33"/>
      <c r="G32" s="33"/>
      <c r="H32" s="33"/>
      <c r="I32" s="33"/>
      <c r="J32" s="33"/>
      <c r="K32" s="99"/>
    </row>
    <row r="33" spans="1:11" ht="9.75" customHeight="1">
      <c r="A33" s="31"/>
      <c r="B33" s="85">
        <v>11</v>
      </c>
      <c r="C33" s="32"/>
      <c r="D33" s="33">
        <v>572124</v>
      </c>
      <c r="E33" s="33">
        <v>288677</v>
      </c>
      <c r="F33" s="33">
        <v>273476</v>
      </c>
      <c r="G33" s="33">
        <v>9971</v>
      </c>
      <c r="H33" s="33">
        <v>555694</v>
      </c>
      <c r="I33" s="33">
        <v>273315</v>
      </c>
      <c r="J33" s="33">
        <v>272713</v>
      </c>
      <c r="K33" s="99">
        <v>9666</v>
      </c>
    </row>
    <row r="34" spans="1:11" ht="9.75" customHeight="1">
      <c r="A34" s="61"/>
      <c r="B34" s="85">
        <v>10</v>
      </c>
      <c r="C34" s="32"/>
      <c r="D34" s="33">
        <v>574061</v>
      </c>
      <c r="E34" s="33">
        <v>296439</v>
      </c>
      <c r="F34" s="33">
        <v>267924</v>
      </c>
      <c r="G34" s="33">
        <v>9698</v>
      </c>
      <c r="H34" s="33">
        <v>551188</v>
      </c>
      <c r="I34" s="33">
        <v>274820</v>
      </c>
      <c r="J34" s="33">
        <v>267862</v>
      </c>
      <c r="K34" s="99">
        <v>8506</v>
      </c>
    </row>
    <row r="35" spans="1:11" ht="9.75" customHeight="1">
      <c r="A35" s="61"/>
      <c r="B35" s="85">
        <v>9</v>
      </c>
      <c r="C35" s="32"/>
      <c r="D35" s="33">
        <v>579491</v>
      </c>
      <c r="E35" s="33">
        <v>290805</v>
      </c>
      <c r="F35" s="33">
        <v>278709</v>
      </c>
      <c r="G35" s="33">
        <v>9977</v>
      </c>
      <c r="H35" s="33">
        <v>569355</v>
      </c>
      <c r="I35" s="33">
        <v>281724</v>
      </c>
      <c r="J35" s="33">
        <v>278382</v>
      </c>
      <c r="K35" s="99">
        <v>9249</v>
      </c>
    </row>
    <row r="36" spans="1:11" ht="9.75" customHeight="1">
      <c r="A36" s="61"/>
      <c r="B36" s="85">
        <v>8</v>
      </c>
      <c r="C36" s="32"/>
      <c r="D36" s="33">
        <v>590290</v>
      </c>
      <c r="E36" s="33">
        <v>288780</v>
      </c>
      <c r="F36" s="33">
        <v>291854</v>
      </c>
      <c r="G36" s="33">
        <v>9656</v>
      </c>
      <c r="H36" s="33">
        <v>584410</v>
      </c>
      <c r="I36" s="33">
        <v>284317</v>
      </c>
      <c r="J36" s="33">
        <v>291654</v>
      </c>
      <c r="K36" s="99">
        <v>8439</v>
      </c>
    </row>
    <row r="37" spans="1:11" ht="9.75" customHeight="1">
      <c r="A37" s="62"/>
      <c r="B37" s="79" t="s">
        <v>22</v>
      </c>
      <c r="C37" s="46"/>
      <c r="D37" s="47">
        <v>598915</v>
      </c>
      <c r="E37" s="47">
        <v>292865</v>
      </c>
      <c r="F37" s="47">
        <v>289539</v>
      </c>
      <c r="G37" s="47">
        <v>16511</v>
      </c>
      <c r="H37" s="47">
        <v>620394</v>
      </c>
      <c r="I37" s="47">
        <v>296667</v>
      </c>
      <c r="J37" s="47">
        <v>289404</v>
      </c>
      <c r="K37" s="100">
        <v>34323</v>
      </c>
    </row>
    <row r="38" spans="1:11" ht="3.75" customHeight="1">
      <c r="A38" s="61"/>
      <c r="B38" s="85"/>
      <c r="C38" s="32"/>
      <c r="D38" s="33"/>
      <c r="E38" s="33"/>
      <c r="F38" s="33"/>
      <c r="G38" s="33"/>
      <c r="H38" s="33"/>
      <c r="I38" s="33"/>
      <c r="J38" s="33"/>
      <c r="K38" s="99"/>
    </row>
    <row r="39" spans="1:11" ht="9.75" customHeight="1">
      <c r="A39" s="31"/>
      <c r="B39" s="85">
        <v>6</v>
      </c>
      <c r="C39" s="32"/>
      <c r="D39" s="33">
        <v>599910</v>
      </c>
      <c r="E39" s="33">
        <v>300458</v>
      </c>
      <c r="F39" s="33">
        <v>289764</v>
      </c>
      <c r="G39" s="33">
        <v>9688</v>
      </c>
      <c r="H39" s="33">
        <v>598188</v>
      </c>
      <c r="I39" s="33">
        <v>299738</v>
      </c>
      <c r="J39" s="33">
        <v>289907</v>
      </c>
      <c r="K39" s="99">
        <v>8543</v>
      </c>
    </row>
    <row r="40" spans="1:11" ht="9.75" customHeight="1">
      <c r="A40" s="61"/>
      <c r="B40" s="85">
        <v>5</v>
      </c>
      <c r="C40" s="32"/>
      <c r="D40" s="33">
        <v>597641</v>
      </c>
      <c r="E40" s="33">
        <v>311858</v>
      </c>
      <c r="F40" s="33">
        <v>274440</v>
      </c>
      <c r="G40" s="33">
        <v>11343</v>
      </c>
      <c r="H40" s="33">
        <v>585641</v>
      </c>
      <c r="I40" s="33">
        <v>301265</v>
      </c>
      <c r="J40" s="33">
        <v>274186</v>
      </c>
      <c r="K40" s="99">
        <v>10190</v>
      </c>
    </row>
    <row r="41" spans="1:11" ht="9.75" customHeight="1">
      <c r="A41" s="61"/>
      <c r="B41" s="85">
        <v>4</v>
      </c>
      <c r="C41" s="32"/>
      <c r="D41" s="33">
        <v>593602</v>
      </c>
      <c r="E41" s="33">
        <v>325927</v>
      </c>
      <c r="F41" s="33">
        <v>256613</v>
      </c>
      <c r="G41" s="33">
        <v>11062</v>
      </c>
      <c r="H41" s="33">
        <v>568327</v>
      </c>
      <c r="I41" s="33">
        <v>302113</v>
      </c>
      <c r="J41" s="33">
        <v>256228</v>
      </c>
      <c r="K41" s="99">
        <v>9986</v>
      </c>
    </row>
    <row r="42" spans="1:11" ht="9.75" customHeight="1">
      <c r="A42" s="61"/>
      <c r="B42" s="85">
        <v>3</v>
      </c>
      <c r="C42" s="32"/>
      <c r="D42" s="33">
        <v>596314</v>
      </c>
      <c r="E42" s="33">
        <v>332413</v>
      </c>
      <c r="F42" s="33">
        <v>247065</v>
      </c>
      <c r="G42" s="33">
        <v>16836</v>
      </c>
      <c r="H42" s="33">
        <v>551133</v>
      </c>
      <c r="I42" s="33">
        <v>290298</v>
      </c>
      <c r="J42" s="33">
        <v>245879</v>
      </c>
      <c r="K42" s="99">
        <v>14956</v>
      </c>
    </row>
    <row r="43" spans="1:11" ht="9.75" customHeight="1">
      <c r="A43" s="62"/>
      <c r="B43" s="79" t="s">
        <v>23</v>
      </c>
      <c r="C43" s="46"/>
      <c r="D43" s="47">
        <v>611876</v>
      </c>
      <c r="E43" s="47">
        <v>338253</v>
      </c>
      <c r="F43" s="47">
        <v>257607</v>
      </c>
      <c r="G43" s="47">
        <v>16016</v>
      </c>
      <c r="H43" s="47">
        <v>563477</v>
      </c>
      <c r="I43" s="47">
        <v>282760</v>
      </c>
      <c r="J43" s="47">
        <v>257829</v>
      </c>
      <c r="K43" s="100">
        <v>22888</v>
      </c>
    </row>
    <row r="44" spans="1:11" ht="3.75" customHeight="1">
      <c r="A44" s="61"/>
      <c r="B44" s="85"/>
      <c r="C44" s="32"/>
      <c r="D44" s="33"/>
      <c r="E44" s="33"/>
      <c r="F44" s="33"/>
      <c r="G44" s="33"/>
      <c r="H44" s="33"/>
      <c r="I44" s="33"/>
      <c r="J44" s="33"/>
      <c r="K44" s="99"/>
    </row>
    <row r="45" spans="1:11" ht="9.75" customHeight="1">
      <c r="A45" s="31"/>
      <c r="B45" s="85" t="s">
        <v>24</v>
      </c>
      <c r="C45" s="32"/>
      <c r="D45" s="33">
        <v>585529</v>
      </c>
      <c r="E45" s="33">
        <v>330799</v>
      </c>
      <c r="F45" s="33">
        <v>249728</v>
      </c>
      <c r="G45" s="33">
        <v>5002</v>
      </c>
      <c r="H45" s="33">
        <v>527593</v>
      </c>
      <c r="I45" s="33">
        <v>275182</v>
      </c>
      <c r="J45" s="33">
        <v>248368</v>
      </c>
      <c r="K45" s="99">
        <v>4043</v>
      </c>
    </row>
    <row r="46" spans="1:11" ht="9.75" customHeight="1">
      <c r="A46" s="61"/>
      <c r="B46" s="85" t="s">
        <v>25</v>
      </c>
      <c r="C46" s="32"/>
      <c r="D46" s="33">
        <v>568062</v>
      </c>
      <c r="E46" s="33">
        <v>321833</v>
      </c>
      <c r="F46" s="33">
        <v>241225</v>
      </c>
      <c r="G46" s="33">
        <v>5004</v>
      </c>
      <c r="H46" s="33">
        <v>506369</v>
      </c>
      <c r="I46" s="33">
        <v>262268</v>
      </c>
      <c r="J46" s="33">
        <v>240161</v>
      </c>
      <c r="K46" s="99">
        <v>3940</v>
      </c>
    </row>
    <row r="47" spans="1:11" ht="9.75" customHeight="1">
      <c r="A47" s="61"/>
      <c r="B47" s="85">
        <v>62</v>
      </c>
      <c r="C47" s="32"/>
      <c r="D47" s="33">
        <v>579558</v>
      </c>
      <c r="E47" s="33">
        <v>330722</v>
      </c>
      <c r="F47" s="33">
        <v>244002</v>
      </c>
      <c r="G47" s="33">
        <v>4834</v>
      </c>
      <c r="H47" s="33">
        <v>499323</v>
      </c>
      <c r="I47" s="33">
        <v>250839</v>
      </c>
      <c r="J47" s="33">
        <v>243009</v>
      </c>
      <c r="K47" s="99">
        <v>5475</v>
      </c>
    </row>
    <row r="48" spans="1:11" ht="9.75" customHeight="1">
      <c r="A48" s="61"/>
      <c r="B48" s="85">
        <v>61</v>
      </c>
      <c r="C48" s="32"/>
      <c r="D48" s="33">
        <v>559606</v>
      </c>
      <c r="E48" s="33">
        <v>314830</v>
      </c>
      <c r="F48" s="33">
        <v>239601</v>
      </c>
      <c r="G48" s="33">
        <v>5175</v>
      </c>
      <c r="H48" s="33">
        <v>488702</v>
      </c>
      <c r="I48" s="33">
        <v>243877</v>
      </c>
      <c r="J48" s="33">
        <v>239060</v>
      </c>
      <c r="K48" s="99">
        <v>5765</v>
      </c>
    </row>
    <row r="49" spans="1:21" ht="9.75" customHeight="1">
      <c r="A49" s="62"/>
      <c r="B49" s="79" t="s">
        <v>26</v>
      </c>
      <c r="C49" s="46"/>
      <c r="D49" s="47">
        <v>545369</v>
      </c>
      <c r="E49" s="47">
        <v>295339</v>
      </c>
      <c r="F49" s="47">
        <v>232391</v>
      </c>
      <c r="G49" s="47">
        <v>17639</v>
      </c>
      <c r="H49" s="47">
        <v>495692</v>
      </c>
      <c r="I49" s="47">
        <v>245842</v>
      </c>
      <c r="J49" s="47">
        <v>232202</v>
      </c>
      <c r="K49" s="100">
        <v>17648</v>
      </c>
    </row>
    <row r="50" spans="1:21" ht="3.75" customHeight="1">
      <c r="A50" s="61"/>
      <c r="B50" s="85"/>
      <c r="C50" s="32"/>
      <c r="D50" s="33"/>
      <c r="E50" s="33"/>
      <c r="F50" s="33"/>
      <c r="G50" s="33"/>
      <c r="H50" s="33"/>
      <c r="I50" s="33"/>
      <c r="J50" s="33"/>
      <c r="K50" s="99"/>
    </row>
    <row r="51" spans="1:21" ht="9.75" customHeight="1">
      <c r="A51" s="31"/>
      <c r="B51" s="85">
        <v>59</v>
      </c>
      <c r="C51" s="32"/>
      <c r="D51" s="33">
        <v>529376</v>
      </c>
      <c r="E51" s="33">
        <v>288534</v>
      </c>
      <c r="F51" s="33">
        <v>235049</v>
      </c>
      <c r="G51" s="33">
        <v>5793</v>
      </c>
      <c r="H51" s="33">
        <v>483933</v>
      </c>
      <c r="I51" s="33">
        <v>244380</v>
      </c>
      <c r="J51" s="33">
        <v>233493</v>
      </c>
      <c r="K51" s="99">
        <v>6060</v>
      </c>
    </row>
    <row r="52" spans="1:21" ht="9.75" customHeight="1">
      <c r="A52" s="61"/>
      <c r="B52" s="85">
        <v>58</v>
      </c>
      <c r="C52" s="32"/>
      <c r="D52" s="33">
        <v>530510</v>
      </c>
      <c r="E52" s="33">
        <v>287993</v>
      </c>
      <c r="F52" s="33">
        <v>238239</v>
      </c>
      <c r="G52" s="33">
        <v>4278</v>
      </c>
      <c r="H52" s="33">
        <v>488327</v>
      </c>
      <c r="I52" s="33">
        <v>245725</v>
      </c>
      <c r="J52" s="33">
        <v>237126</v>
      </c>
      <c r="K52" s="99">
        <v>5476</v>
      </c>
    </row>
    <row r="53" spans="1:21" ht="9.75" customHeight="1">
      <c r="A53" s="61"/>
      <c r="B53" s="85">
        <v>57</v>
      </c>
      <c r="C53" s="32"/>
      <c r="D53" s="33">
        <v>542446</v>
      </c>
      <c r="E53" s="33">
        <v>293527</v>
      </c>
      <c r="F53" s="33">
        <v>244652</v>
      </c>
      <c r="G53" s="33">
        <v>4267</v>
      </c>
      <c r="H53" s="33">
        <v>499302</v>
      </c>
      <c r="I53" s="33">
        <v>251341</v>
      </c>
      <c r="J53" s="33">
        <v>243678</v>
      </c>
      <c r="K53" s="99">
        <v>4283</v>
      </c>
    </row>
    <row r="54" spans="1:21" ht="9.75" customHeight="1">
      <c r="A54" s="61"/>
      <c r="B54" s="85">
        <v>56</v>
      </c>
      <c r="C54" s="32"/>
      <c r="D54" s="33">
        <v>540831</v>
      </c>
      <c r="E54" s="33">
        <v>291580</v>
      </c>
      <c r="F54" s="33">
        <v>245058</v>
      </c>
      <c r="G54" s="33">
        <v>4193</v>
      </c>
      <c r="H54" s="33">
        <v>501972</v>
      </c>
      <c r="I54" s="33">
        <v>253476</v>
      </c>
      <c r="J54" s="33">
        <v>243898</v>
      </c>
      <c r="K54" s="99">
        <v>4598</v>
      </c>
    </row>
    <row r="55" spans="1:21" ht="9.75" customHeight="1">
      <c r="A55" s="62"/>
      <c r="B55" s="79" t="s">
        <v>27</v>
      </c>
      <c r="C55" s="46"/>
      <c r="D55" s="47">
        <v>549403</v>
      </c>
      <c r="E55" s="47">
        <v>287154</v>
      </c>
      <c r="F55" s="47">
        <v>256153</v>
      </c>
      <c r="G55" s="47">
        <v>6096</v>
      </c>
      <c r="H55" s="47">
        <v>527509</v>
      </c>
      <c r="I55" s="47">
        <v>258875</v>
      </c>
      <c r="J55" s="47">
        <v>255151</v>
      </c>
      <c r="K55" s="100">
        <v>13483</v>
      </c>
    </row>
    <row r="56" spans="1:21" ht="3.75" customHeight="1">
      <c r="A56" s="61"/>
      <c r="B56" s="85"/>
      <c r="C56" s="32"/>
      <c r="D56" s="33"/>
      <c r="E56" s="33"/>
      <c r="F56" s="33"/>
      <c r="G56" s="33"/>
      <c r="H56" s="33"/>
      <c r="I56" s="33"/>
      <c r="J56" s="33"/>
      <c r="K56" s="99"/>
    </row>
    <row r="57" spans="1:21" s="29" customFormat="1" ht="9.75" customHeight="1">
      <c r="A57" s="31"/>
      <c r="B57" s="85">
        <v>54</v>
      </c>
      <c r="C57" s="32"/>
      <c r="D57" s="33">
        <v>572868</v>
      </c>
      <c r="E57" s="33">
        <v>299420</v>
      </c>
      <c r="F57" s="33">
        <v>267920</v>
      </c>
      <c r="G57" s="33">
        <v>5528</v>
      </c>
      <c r="H57" s="33">
        <v>547040</v>
      </c>
      <c r="I57" s="33">
        <v>266247</v>
      </c>
      <c r="J57" s="33">
        <v>265230</v>
      </c>
      <c r="K57" s="99">
        <v>15563</v>
      </c>
      <c r="S57" s="30"/>
      <c r="T57" s="30"/>
      <c r="U57" s="30"/>
    </row>
    <row r="58" spans="1:21" s="29" customFormat="1" ht="9.75" customHeight="1">
      <c r="A58" s="37"/>
      <c r="B58" s="82">
        <v>53</v>
      </c>
      <c r="C58" s="39"/>
      <c r="D58" s="40">
        <v>577221</v>
      </c>
      <c r="E58" s="40">
        <v>301226</v>
      </c>
      <c r="F58" s="40">
        <v>269933</v>
      </c>
      <c r="G58" s="40">
        <v>6062</v>
      </c>
      <c r="H58" s="40">
        <v>540913</v>
      </c>
      <c r="I58" s="40">
        <v>259456</v>
      </c>
      <c r="J58" s="40">
        <v>268147</v>
      </c>
      <c r="K58" s="101">
        <v>13310</v>
      </c>
      <c r="S58" s="30"/>
      <c r="T58" s="30"/>
      <c r="U58" s="30"/>
    </row>
    <row r="59" spans="1:21" s="29" customFormat="1" ht="9.75" customHeight="1">
      <c r="A59" s="37"/>
      <c r="B59" s="82">
        <v>52</v>
      </c>
      <c r="C59" s="39"/>
      <c r="D59" s="40">
        <v>580079</v>
      </c>
      <c r="E59" s="40">
        <v>303770</v>
      </c>
      <c r="F59" s="40">
        <v>269522</v>
      </c>
      <c r="G59" s="40">
        <v>6787</v>
      </c>
      <c r="H59" s="40">
        <v>549391</v>
      </c>
      <c r="I59" s="40">
        <v>267098</v>
      </c>
      <c r="J59" s="40">
        <v>267034</v>
      </c>
      <c r="K59" s="101">
        <v>15259</v>
      </c>
      <c r="S59" s="30"/>
      <c r="T59" s="30"/>
      <c r="U59" s="30"/>
    </row>
    <row r="60" spans="1:21" s="29" customFormat="1" ht="9.75" customHeight="1">
      <c r="A60" s="37"/>
      <c r="B60" s="82">
        <v>51</v>
      </c>
      <c r="C60" s="39"/>
      <c r="D60" s="40">
        <v>582766</v>
      </c>
      <c r="E60" s="40">
        <v>302165</v>
      </c>
      <c r="F60" s="40">
        <v>269055</v>
      </c>
      <c r="G60" s="40">
        <v>11546</v>
      </c>
      <c r="H60" s="40">
        <v>556540</v>
      </c>
      <c r="I60" s="40">
        <v>270977</v>
      </c>
      <c r="J60" s="40">
        <v>266421</v>
      </c>
      <c r="K60" s="101">
        <v>19142</v>
      </c>
      <c r="S60" s="30"/>
      <c r="T60" s="30"/>
      <c r="U60" s="30"/>
    </row>
    <row r="61" spans="1:21" s="29" customFormat="1" ht="3.75" customHeight="1" thickBot="1">
      <c r="A61" s="102"/>
      <c r="B61" s="103"/>
      <c r="C61" s="52"/>
      <c r="D61" s="89"/>
      <c r="E61" s="89"/>
      <c r="F61" s="89"/>
      <c r="G61" s="89"/>
      <c r="H61" s="89"/>
      <c r="I61" s="89"/>
      <c r="J61" s="89"/>
      <c r="K61" s="104"/>
      <c r="S61" s="30"/>
      <c r="T61" s="30"/>
      <c r="U61" s="30"/>
    </row>
    <row r="62" spans="1:21" s="29" customFormat="1" ht="13.5" customHeight="1">
      <c r="A62" s="230" t="s">
        <v>53</v>
      </c>
      <c r="B62" s="230"/>
      <c r="C62" s="230"/>
      <c r="D62" s="230"/>
      <c r="E62" s="230"/>
      <c r="F62" s="230"/>
      <c r="G62" s="230"/>
      <c r="H62" s="230"/>
      <c r="I62" s="230"/>
      <c r="J62" s="230"/>
      <c r="K62" s="230"/>
    </row>
  </sheetData>
  <mergeCells count="6">
    <mergeCell ref="A62:K62"/>
    <mergeCell ref="A1:K1"/>
    <mergeCell ref="A2:C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view="pageBreakPreview" zoomScale="110" zoomScaleNormal="115" zoomScaleSheetLayoutView="110" workbookViewId="0">
      <selection activeCell="K1" sqref="K1"/>
    </sheetView>
  </sheetViews>
  <sheetFormatPr defaultRowHeight="14.25"/>
  <cols>
    <col min="1" max="1" width="1.75" style="70" customWidth="1"/>
    <col min="2" max="2" width="7.625" style="70" customWidth="1"/>
    <col min="3" max="3" width="1.25" style="70" customWidth="1"/>
    <col min="4" max="10" width="8.75" style="70" customWidth="1"/>
    <col min="11" max="17" width="6.875" style="70" customWidth="1"/>
  </cols>
  <sheetData>
    <row r="1" spans="1:10" ht="17.25" customHeight="1">
      <c r="A1" s="201" t="s">
        <v>54</v>
      </c>
      <c r="B1" s="201"/>
      <c r="C1" s="201"/>
      <c r="D1" s="201"/>
      <c r="E1" s="201"/>
      <c r="F1" s="201"/>
      <c r="G1" s="201"/>
      <c r="H1" s="201"/>
      <c r="I1" s="201"/>
      <c r="J1" s="201"/>
    </row>
    <row r="2" spans="1:10" ht="13.5" customHeight="1" thickBot="1">
      <c r="A2" s="202" t="s">
        <v>55</v>
      </c>
      <c r="B2" s="202"/>
      <c r="C2" s="202"/>
      <c r="I2" s="231" t="s">
        <v>56</v>
      </c>
      <c r="J2" s="231"/>
    </row>
    <row r="3" spans="1:10" ht="13.5" customHeight="1">
      <c r="A3" s="203" t="s">
        <v>57</v>
      </c>
      <c r="B3" s="204"/>
      <c r="C3" s="204"/>
      <c r="D3" s="209" t="s">
        <v>58</v>
      </c>
      <c r="E3" s="212" t="s">
        <v>7</v>
      </c>
      <c r="F3" s="232"/>
      <c r="G3" s="233"/>
      <c r="H3" s="212" t="s">
        <v>8</v>
      </c>
      <c r="I3" s="232"/>
      <c r="J3" s="234"/>
    </row>
    <row r="4" spans="1:10" ht="13.5" customHeight="1">
      <c r="A4" s="207"/>
      <c r="B4" s="208"/>
      <c r="C4" s="208"/>
      <c r="D4" s="211"/>
      <c r="E4" s="73"/>
      <c r="F4" s="74" t="s">
        <v>37</v>
      </c>
      <c r="G4" s="74" t="s">
        <v>38</v>
      </c>
      <c r="H4" s="73"/>
      <c r="I4" s="74" t="s">
        <v>39</v>
      </c>
      <c r="J4" s="92" t="s">
        <v>40</v>
      </c>
    </row>
    <row r="5" spans="1:10" ht="10.5" customHeight="1">
      <c r="A5" s="8"/>
      <c r="B5" s="39"/>
      <c r="C5" s="39"/>
      <c r="D5" s="12" t="s">
        <v>10</v>
      </c>
      <c r="E5" s="12" t="s">
        <v>10</v>
      </c>
      <c r="F5" s="12" t="s">
        <v>10</v>
      </c>
      <c r="G5" s="12" t="s">
        <v>10</v>
      </c>
      <c r="H5" s="12" t="s">
        <v>10</v>
      </c>
      <c r="I5" s="12" t="s">
        <v>10</v>
      </c>
      <c r="J5" s="105" t="s">
        <v>10</v>
      </c>
    </row>
    <row r="6" spans="1:10" ht="9.75" customHeight="1">
      <c r="A6" s="106"/>
      <c r="B6" s="107" t="s">
        <v>59</v>
      </c>
      <c r="C6" s="16"/>
      <c r="D6" s="76">
        <v>-5160</v>
      </c>
      <c r="E6" s="76">
        <v>-29983</v>
      </c>
      <c r="F6" s="76">
        <v>60549</v>
      </c>
      <c r="G6" s="76">
        <v>90532</v>
      </c>
      <c r="H6" s="76">
        <v>24823</v>
      </c>
      <c r="I6" s="76">
        <v>488358</v>
      </c>
      <c r="J6" s="108">
        <v>463535</v>
      </c>
    </row>
    <row r="7" spans="1:10" ht="9.75" customHeight="1">
      <c r="A7" s="8"/>
      <c r="B7" s="72" t="s">
        <v>60</v>
      </c>
      <c r="C7" s="39"/>
      <c r="D7" s="40">
        <v>-4515</v>
      </c>
      <c r="E7" s="40">
        <v>-4466</v>
      </c>
      <c r="F7" s="40">
        <v>4440</v>
      </c>
      <c r="G7" s="40">
        <v>8906</v>
      </c>
      <c r="H7" s="40">
        <v>-49</v>
      </c>
      <c r="I7" s="40">
        <v>32461</v>
      </c>
      <c r="J7" s="109">
        <v>32510</v>
      </c>
    </row>
    <row r="8" spans="1:10" ht="9.75" customHeight="1">
      <c r="A8" s="8"/>
      <c r="B8" s="72" t="s">
        <v>61</v>
      </c>
      <c r="C8" s="39"/>
      <c r="D8" s="40">
        <v>-4077</v>
      </c>
      <c r="E8" s="40">
        <v>-3351</v>
      </c>
      <c r="F8" s="40">
        <v>4122</v>
      </c>
      <c r="G8" s="40">
        <v>7473</v>
      </c>
      <c r="H8" s="40">
        <v>-726</v>
      </c>
      <c r="I8" s="40">
        <v>36655</v>
      </c>
      <c r="J8" s="109">
        <v>37381</v>
      </c>
    </row>
    <row r="9" spans="1:10" ht="9.75" customHeight="1">
      <c r="A9" s="8"/>
      <c r="B9" s="72" t="s">
        <v>62</v>
      </c>
      <c r="C9" s="39"/>
      <c r="D9" s="40">
        <v>4878</v>
      </c>
      <c r="E9" s="40">
        <v>-3067</v>
      </c>
      <c r="F9" s="40">
        <v>5040</v>
      </c>
      <c r="G9" s="40">
        <v>8107</v>
      </c>
      <c r="H9" s="40">
        <v>7945</v>
      </c>
      <c r="I9" s="40">
        <v>84741</v>
      </c>
      <c r="J9" s="109">
        <v>76796</v>
      </c>
    </row>
    <row r="10" spans="1:10" ht="9.75" customHeight="1">
      <c r="A10" s="8"/>
      <c r="B10" s="72" t="s">
        <v>63</v>
      </c>
      <c r="C10" s="39"/>
      <c r="D10" s="40">
        <v>10927</v>
      </c>
      <c r="E10" s="40">
        <v>-2415</v>
      </c>
      <c r="F10" s="40">
        <v>4938</v>
      </c>
      <c r="G10" s="40">
        <v>7353</v>
      </c>
      <c r="H10" s="40">
        <v>13342</v>
      </c>
      <c r="I10" s="40">
        <v>57522</v>
      </c>
      <c r="J10" s="109">
        <v>44180</v>
      </c>
    </row>
    <row r="11" spans="1:10" ht="9.75" customHeight="1">
      <c r="A11" s="8"/>
      <c r="B11" s="72" t="s">
        <v>64</v>
      </c>
      <c r="C11" s="39"/>
      <c r="D11" s="40">
        <v>-195</v>
      </c>
      <c r="E11" s="40">
        <v>-2350</v>
      </c>
      <c r="F11" s="40">
        <v>5002</v>
      </c>
      <c r="G11" s="40">
        <v>7352</v>
      </c>
      <c r="H11" s="40">
        <v>2155</v>
      </c>
      <c r="I11" s="40">
        <v>33945</v>
      </c>
      <c r="J11" s="109">
        <v>31790</v>
      </c>
    </row>
    <row r="12" spans="1:10" ht="9.75" customHeight="1">
      <c r="A12" s="8"/>
      <c r="B12" s="72" t="s">
        <v>65</v>
      </c>
      <c r="C12" s="39"/>
      <c r="D12" s="40">
        <v>-1428</v>
      </c>
      <c r="E12" s="40">
        <v>-1572</v>
      </c>
      <c r="F12" s="40">
        <v>5144</v>
      </c>
      <c r="G12" s="40">
        <v>6716</v>
      </c>
      <c r="H12" s="40">
        <v>144</v>
      </c>
      <c r="I12" s="40">
        <v>36356</v>
      </c>
      <c r="J12" s="109">
        <v>36212</v>
      </c>
    </row>
    <row r="13" spans="1:10" ht="9.75" customHeight="1">
      <c r="A13" s="8"/>
      <c r="B13" s="72" t="s">
        <v>66</v>
      </c>
      <c r="C13" s="39"/>
      <c r="D13" s="40">
        <v>-1973</v>
      </c>
      <c r="E13" s="40">
        <v>-1440</v>
      </c>
      <c r="F13" s="40">
        <v>5266</v>
      </c>
      <c r="G13" s="40">
        <v>6706</v>
      </c>
      <c r="H13" s="40">
        <v>-533</v>
      </c>
      <c r="I13" s="40">
        <v>34443</v>
      </c>
      <c r="J13" s="109">
        <v>34976</v>
      </c>
    </row>
    <row r="14" spans="1:10" ht="9.75" customHeight="1">
      <c r="A14" s="8"/>
      <c r="B14" s="72" t="s">
        <v>67</v>
      </c>
      <c r="C14" s="39"/>
      <c r="D14" s="40">
        <v>-304</v>
      </c>
      <c r="E14" s="40">
        <v>-2031</v>
      </c>
      <c r="F14" s="40">
        <v>5667</v>
      </c>
      <c r="G14" s="40">
        <v>7698</v>
      </c>
      <c r="H14" s="40">
        <v>1727</v>
      </c>
      <c r="I14" s="40">
        <v>35760</v>
      </c>
      <c r="J14" s="109">
        <v>34033</v>
      </c>
    </row>
    <row r="15" spans="1:10" ht="9.75" customHeight="1">
      <c r="A15" s="8"/>
      <c r="B15" s="72" t="s">
        <v>68</v>
      </c>
      <c r="C15" s="39"/>
      <c r="D15" s="40">
        <v>-3222</v>
      </c>
      <c r="E15" s="40">
        <v>-2073</v>
      </c>
      <c r="F15" s="40">
        <v>5493</v>
      </c>
      <c r="G15" s="40">
        <v>7566</v>
      </c>
      <c r="H15" s="40">
        <v>-1149</v>
      </c>
      <c r="I15" s="40">
        <v>32910</v>
      </c>
      <c r="J15" s="109">
        <v>34059</v>
      </c>
    </row>
    <row r="16" spans="1:10" ht="9.75" customHeight="1">
      <c r="A16" s="8"/>
      <c r="B16" s="72" t="s">
        <v>69</v>
      </c>
      <c r="C16" s="39"/>
      <c r="D16" s="40">
        <v>-1270</v>
      </c>
      <c r="E16" s="40">
        <v>-2032</v>
      </c>
      <c r="F16" s="40">
        <v>5203</v>
      </c>
      <c r="G16" s="40">
        <v>7235</v>
      </c>
      <c r="H16" s="40">
        <v>762</v>
      </c>
      <c r="I16" s="40">
        <v>34162</v>
      </c>
      <c r="J16" s="109">
        <v>33400</v>
      </c>
    </row>
    <row r="17" spans="1:10" ht="9.75" customHeight="1">
      <c r="A17" s="8"/>
      <c r="B17" s="72" t="s">
        <v>70</v>
      </c>
      <c r="C17" s="39"/>
      <c r="D17" s="40">
        <v>-1511</v>
      </c>
      <c r="E17" s="40">
        <v>-2314</v>
      </c>
      <c r="F17" s="40">
        <v>5412</v>
      </c>
      <c r="G17" s="40">
        <v>7726</v>
      </c>
      <c r="H17" s="40">
        <v>803</v>
      </c>
      <c r="I17" s="40">
        <v>34695</v>
      </c>
      <c r="J17" s="109">
        <v>33892</v>
      </c>
    </row>
    <row r="18" spans="1:10" ht="9.75" customHeight="1" thickBot="1">
      <c r="A18" s="51"/>
      <c r="B18" s="110" t="s">
        <v>71</v>
      </c>
      <c r="C18" s="52"/>
      <c r="D18" s="53">
        <v>-2470</v>
      </c>
      <c r="E18" s="53">
        <v>-2872</v>
      </c>
      <c r="F18" s="53">
        <v>4822</v>
      </c>
      <c r="G18" s="53">
        <v>7694</v>
      </c>
      <c r="H18" s="53">
        <v>402</v>
      </c>
      <c r="I18" s="53">
        <v>34708</v>
      </c>
      <c r="J18" s="111">
        <v>34306</v>
      </c>
    </row>
    <row r="19" spans="1:10" s="67" customFormat="1" ht="11.25" customHeight="1">
      <c r="A19" s="223" t="s">
        <v>72</v>
      </c>
      <c r="B19" s="223"/>
      <c r="C19" s="223"/>
      <c r="D19" s="223"/>
      <c r="E19" s="223"/>
      <c r="F19" s="223"/>
      <c r="G19" s="223"/>
      <c r="H19" s="223"/>
      <c r="I19" s="223"/>
      <c r="J19" s="223"/>
    </row>
  </sheetData>
  <mergeCells count="8">
    <mergeCell ref="A19:J19"/>
    <mergeCell ref="A1:J1"/>
    <mergeCell ref="A2:C2"/>
    <mergeCell ref="I2:J2"/>
    <mergeCell ref="A3:C4"/>
    <mergeCell ref="D3:D4"/>
    <mergeCell ref="E3:G3"/>
    <mergeCell ref="H3:J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2"/>
  <sheetViews>
    <sheetView view="pageBreakPreview" zoomScaleNormal="115" zoomScaleSheetLayoutView="100" workbookViewId="0">
      <selection activeCell="S1" sqref="S1"/>
    </sheetView>
  </sheetViews>
  <sheetFormatPr defaultRowHeight="14.25"/>
  <cols>
    <col min="1" max="1" width="1.375" style="70" customWidth="1"/>
    <col min="2" max="2" width="7.5" style="70" customWidth="1"/>
    <col min="3" max="3" width="1.375" style="70" customWidth="1"/>
    <col min="4" max="15" width="11.75" style="70" customWidth="1"/>
    <col min="16" max="16" width="1.25" style="70" customWidth="1"/>
    <col min="17" max="17" width="7.5" style="70" customWidth="1"/>
    <col min="18" max="18" width="1.25" style="70" customWidth="1"/>
    <col min="19" max="16384" width="9" style="30"/>
  </cols>
  <sheetData>
    <row r="1" spans="1:20" ht="18.75" customHeight="1">
      <c r="C1" s="112"/>
      <c r="D1" s="235" t="s">
        <v>73</v>
      </c>
      <c r="E1" s="235"/>
      <c r="F1" s="235"/>
      <c r="G1" s="235"/>
      <c r="H1" s="235"/>
      <c r="I1" s="235"/>
      <c r="J1" s="112"/>
      <c r="K1" s="112"/>
      <c r="L1" s="112"/>
      <c r="M1" s="112"/>
      <c r="N1" s="112"/>
      <c r="O1" s="112"/>
      <c r="P1" s="39"/>
      <c r="Q1" s="113"/>
      <c r="R1" s="112"/>
    </row>
    <row r="2" spans="1:20" ht="15" customHeight="1" thickBot="1">
      <c r="A2" s="202" t="s">
        <v>74</v>
      </c>
      <c r="B2" s="202"/>
      <c r="C2" s="202"/>
      <c r="J2" s="236"/>
      <c r="K2" s="236"/>
      <c r="L2" s="236"/>
      <c r="M2" s="236"/>
      <c r="N2" s="236"/>
      <c r="O2" s="236"/>
      <c r="P2" s="237" t="s">
        <v>75</v>
      </c>
      <c r="Q2" s="237"/>
      <c r="R2" s="237"/>
    </row>
    <row r="3" spans="1:20" ht="15" customHeight="1">
      <c r="A3" s="238" t="s">
        <v>76</v>
      </c>
      <c r="B3" s="239"/>
      <c r="C3" s="239"/>
      <c r="D3" s="114" t="s">
        <v>77</v>
      </c>
      <c r="E3" s="114" t="s">
        <v>78</v>
      </c>
      <c r="F3" s="114" t="s">
        <v>79</v>
      </c>
      <c r="G3" s="114" t="s">
        <v>80</v>
      </c>
      <c r="H3" s="114" t="s">
        <v>81</v>
      </c>
      <c r="I3" s="115" t="s">
        <v>82</v>
      </c>
      <c r="J3" s="114" t="s">
        <v>83</v>
      </c>
      <c r="K3" s="114" t="s">
        <v>84</v>
      </c>
      <c r="L3" s="114" t="s">
        <v>85</v>
      </c>
      <c r="M3" s="114" t="s">
        <v>86</v>
      </c>
      <c r="N3" s="114" t="s">
        <v>87</v>
      </c>
      <c r="O3" s="114" t="s">
        <v>88</v>
      </c>
      <c r="P3" s="240" t="s">
        <v>76</v>
      </c>
      <c r="Q3" s="239"/>
      <c r="R3" s="241"/>
    </row>
    <row r="4" spans="1:20" ht="6.75" customHeight="1">
      <c r="A4" s="8"/>
      <c r="B4" s="39"/>
      <c r="C4" s="39"/>
      <c r="D4" s="11"/>
      <c r="E4" s="11"/>
      <c r="F4" s="11"/>
      <c r="G4" s="11"/>
      <c r="H4" s="11"/>
      <c r="I4" s="11"/>
      <c r="J4" s="11"/>
      <c r="K4" s="11"/>
      <c r="L4" s="11"/>
      <c r="M4" s="11"/>
      <c r="N4" s="11"/>
      <c r="O4" s="116"/>
      <c r="P4" s="117"/>
      <c r="Q4" s="39"/>
      <c r="R4" s="118"/>
    </row>
    <row r="5" spans="1:20" ht="12" customHeight="1">
      <c r="A5" s="75"/>
      <c r="B5" s="15" t="s">
        <v>41</v>
      </c>
      <c r="C5" s="16"/>
      <c r="D5" s="76">
        <v>9236337</v>
      </c>
      <c r="E5" s="76">
        <v>9231822</v>
      </c>
      <c r="F5" s="76">
        <v>9227745</v>
      </c>
      <c r="G5" s="76">
        <v>9232623</v>
      </c>
      <c r="H5" s="76">
        <v>9243550</v>
      </c>
      <c r="I5" s="76">
        <v>9243355</v>
      </c>
      <c r="J5" s="76">
        <v>9241927</v>
      </c>
      <c r="K5" s="76">
        <v>9239954</v>
      </c>
      <c r="L5" s="76">
        <v>9239650</v>
      </c>
      <c r="M5" s="76">
        <v>9236428</v>
      </c>
      <c r="N5" s="76">
        <v>9235158</v>
      </c>
      <c r="O5" s="119">
        <v>9233647</v>
      </c>
      <c r="P5" s="120"/>
      <c r="Q5" s="15" t="s">
        <v>41</v>
      </c>
      <c r="R5" s="121"/>
    </row>
    <row r="6" spans="1:20" s="29" customFormat="1" ht="12" customHeight="1">
      <c r="A6" s="44"/>
      <c r="B6" s="79" t="s">
        <v>16</v>
      </c>
      <c r="C6" s="46"/>
      <c r="D6" s="47">
        <v>9201825</v>
      </c>
      <c r="E6" s="47">
        <v>9198646</v>
      </c>
      <c r="F6" s="47">
        <v>9196411</v>
      </c>
      <c r="G6" s="47">
        <v>9204965</v>
      </c>
      <c r="H6" s="47">
        <v>9222618</v>
      </c>
      <c r="I6" s="47">
        <v>9222162</v>
      </c>
      <c r="J6" s="47">
        <v>9219863</v>
      </c>
      <c r="K6" s="47">
        <v>9217098</v>
      </c>
      <c r="L6" s="47">
        <v>9216009</v>
      </c>
      <c r="M6" s="47">
        <v>9237337</v>
      </c>
      <c r="N6" s="47">
        <v>9236126</v>
      </c>
      <c r="O6" s="122">
        <v>9236593</v>
      </c>
      <c r="P6" s="123"/>
      <c r="Q6" s="79" t="s">
        <v>16</v>
      </c>
      <c r="R6" s="124"/>
      <c r="S6" s="30"/>
      <c r="T6" s="30"/>
    </row>
    <row r="7" spans="1:20" s="29" customFormat="1" ht="6.75" customHeight="1">
      <c r="A7" s="31"/>
      <c r="B7" s="85"/>
      <c r="C7" s="32"/>
      <c r="D7" s="33"/>
      <c r="E7" s="33"/>
      <c r="F7" s="33"/>
      <c r="G7" s="33"/>
      <c r="H7" s="33"/>
      <c r="I7" s="33"/>
      <c r="J7" s="33"/>
      <c r="K7" s="33"/>
      <c r="L7" s="33"/>
      <c r="M7" s="33"/>
      <c r="N7" s="33"/>
      <c r="O7" s="125"/>
      <c r="P7" s="126"/>
      <c r="Q7" s="85"/>
      <c r="R7" s="127"/>
      <c r="S7" s="30"/>
      <c r="T7" s="30"/>
    </row>
    <row r="8" spans="1:20" ht="12" customHeight="1">
      <c r="A8" s="31"/>
      <c r="B8" s="85" t="s">
        <v>17</v>
      </c>
      <c r="C8" s="32"/>
      <c r="D8" s="33">
        <v>9181625</v>
      </c>
      <c r="E8" s="33">
        <v>9178503</v>
      </c>
      <c r="F8" s="33">
        <v>9175042</v>
      </c>
      <c r="G8" s="33">
        <v>9180510</v>
      </c>
      <c r="H8" s="33">
        <v>9197925</v>
      </c>
      <c r="I8" s="33">
        <v>9199871</v>
      </c>
      <c r="J8" s="33">
        <v>9199590</v>
      </c>
      <c r="K8" s="33">
        <v>9199389</v>
      </c>
      <c r="L8" s="33">
        <v>9199037</v>
      </c>
      <c r="M8" s="33">
        <v>9200166</v>
      </c>
      <c r="N8" s="33">
        <v>9203069</v>
      </c>
      <c r="O8" s="125">
        <v>9202523</v>
      </c>
      <c r="P8" s="126"/>
      <c r="Q8" s="85" t="s">
        <v>17</v>
      </c>
      <c r="R8" s="127"/>
    </row>
    <row r="9" spans="1:20" ht="12" customHeight="1">
      <c r="A9" s="61"/>
      <c r="B9" s="85">
        <v>30</v>
      </c>
      <c r="C9" s="128"/>
      <c r="D9" s="33">
        <v>9163279</v>
      </c>
      <c r="E9" s="33">
        <v>9160412</v>
      </c>
      <c r="F9" s="33">
        <v>9157211</v>
      </c>
      <c r="G9" s="33">
        <v>9161113</v>
      </c>
      <c r="H9" s="33">
        <v>9177834</v>
      </c>
      <c r="I9" s="33">
        <v>9180700</v>
      </c>
      <c r="J9" s="33">
        <v>9181389</v>
      </c>
      <c r="K9" s="33">
        <v>9180457</v>
      </c>
      <c r="L9" s="33">
        <v>9179666</v>
      </c>
      <c r="M9" s="33">
        <v>9179835</v>
      </c>
      <c r="N9" s="33">
        <v>9183257</v>
      </c>
      <c r="O9" s="125">
        <v>9182071</v>
      </c>
      <c r="P9" s="129"/>
      <c r="Q9" s="85">
        <v>30</v>
      </c>
      <c r="R9" s="130"/>
    </row>
    <row r="10" spans="1:20" ht="12" customHeight="1">
      <c r="A10" s="61"/>
      <c r="B10" s="85">
        <v>29</v>
      </c>
      <c r="C10" s="128"/>
      <c r="D10" s="33">
        <v>9147400</v>
      </c>
      <c r="E10" s="33">
        <v>9145076</v>
      </c>
      <c r="F10" s="33">
        <v>9141390</v>
      </c>
      <c r="G10" s="33">
        <v>9144183</v>
      </c>
      <c r="H10" s="33">
        <v>9159692</v>
      </c>
      <c r="I10" s="33">
        <v>9161634</v>
      </c>
      <c r="J10" s="33">
        <v>9161855</v>
      </c>
      <c r="K10" s="33">
        <v>9161297</v>
      </c>
      <c r="L10" s="33">
        <v>9161493</v>
      </c>
      <c r="M10" s="33">
        <v>9161139</v>
      </c>
      <c r="N10" s="33">
        <v>9164373</v>
      </c>
      <c r="O10" s="125">
        <v>9164074</v>
      </c>
      <c r="P10" s="129"/>
      <c r="Q10" s="85">
        <v>29</v>
      </c>
      <c r="R10" s="130"/>
    </row>
    <row r="11" spans="1:20" ht="12" customHeight="1">
      <c r="A11" s="61"/>
      <c r="B11" s="85">
        <v>28</v>
      </c>
      <c r="C11" s="128"/>
      <c r="D11" s="33">
        <v>9128037</v>
      </c>
      <c r="E11" s="33">
        <v>9126280</v>
      </c>
      <c r="F11" s="33">
        <v>9123971</v>
      </c>
      <c r="G11" s="33">
        <v>9128208</v>
      </c>
      <c r="H11" s="33">
        <v>9142584</v>
      </c>
      <c r="I11" s="33">
        <v>9144992</v>
      </c>
      <c r="J11" s="33">
        <v>9145832</v>
      </c>
      <c r="K11" s="33">
        <v>9145026</v>
      </c>
      <c r="L11" s="33">
        <v>9145587</v>
      </c>
      <c r="M11" s="33">
        <v>9145572</v>
      </c>
      <c r="N11" s="33">
        <v>9148549</v>
      </c>
      <c r="O11" s="125">
        <v>9148109</v>
      </c>
      <c r="P11" s="129"/>
      <c r="Q11" s="85">
        <v>28</v>
      </c>
      <c r="R11" s="130"/>
    </row>
    <row r="12" spans="1:20" ht="12" customHeight="1">
      <c r="A12" s="62"/>
      <c r="B12" s="79" t="s">
        <v>18</v>
      </c>
      <c r="C12" s="131"/>
      <c r="D12" s="47">
        <v>9100346</v>
      </c>
      <c r="E12" s="47">
        <v>9097624</v>
      </c>
      <c r="F12" s="47">
        <v>9094974</v>
      </c>
      <c r="G12" s="47">
        <v>9099935</v>
      </c>
      <c r="H12" s="47">
        <v>9116252</v>
      </c>
      <c r="I12" s="47">
        <v>9118334</v>
      </c>
      <c r="J12" s="47">
        <v>9118775</v>
      </c>
      <c r="K12" s="47">
        <v>9117529</v>
      </c>
      <c r="L12" s="47">
        <v>9118562</v>
      </c>
      <c r="M12" s="47">
        <v>9126214</v>
      </c>
      <c r="N12" s="47">
        <v>9128262</v>
      </c>
      <c r="O12" s="122">
        <v>9129173</v>
      </c>
      <c r="P12" s="132"/>
      <c r="Q12" s="79" t="s">
        <v>18</v>
      </c>
      <c r="R12" s="133"/>
    </row>
    <row r="13" spans="1:20" ht="6.75" customHeight="1">
      <c r="A13" s="61"/>
      <c r="B13" s="85"/>
      <c r="C13" s="128"/>
      <c r="D13" s="33"/>
      <c r="E13" s="33"/>
      <c r="F13" s="33"/>
      <c r="G13" s="33"/>
      <c r="H13" s="33"/>
      <c r="I13" s="33"/>
      <c r="J13" s="33"/>
      <c r="K13" s="33"/>
      <c r="L13" s="33"/>
      <c r="M13" s="33"/>
      <c r="N13" s="33"/>
      <c r="O13" s="125"/>
      <c r="P13" s="129"/>
      <c r="Q13" s="85"/>
      <c r="R13" s="130"/>
    </row>
    <row r="14" spans="1:20" ht="12" customHeight="1">
      <c r="A14" s="31"/>
      <c r="B14" s="85">
        <v>26</v>
      </c>
      <c r="C14" s="32"/>
      <c r="D14" s="33">
        <v>9083839</v>
      </c>
      <c r="E14" s="33">
        <v>9081284</v>
      </c>
      <c r="F14" s="33">
        <v>9078001</v>
      </c>
      <c r="G14" s="33">
        <v>9079236</v>
      </c>
      <c r="H14" s="33">
        <v>9094662</v>
      </c>
      <c r="I14" s="33">
        <v>9096445</v>
      </c>
      <c r="J14" s="33">
        <v>9097245</v>
      </c>
      <c r="K14" s="33">
        <v>9097401</v>
      </c>
      <c r="L14" s="33">
        <v>9097198</v>
      </c>
      <c r="M14" s="33">
        <v>9098984</v>
      </c>
      <c r="N14" s="33">
        <v>9101505</v>
      </c>
      <c r="O14" s="125">
        <v>9101625</v>
      </c>
      <c r="P14" s="126"/>
      <c r="Q14" s="85">
        <v>26</v>
      </c>
      <c r="R14" s="127"/>
    </row>
    <row r="15" spans="1:20" s="29" customFormat="1" ht="12" customHeight="1">
      <c r="A15" s="61"/>
      <c r="B15" s="85">
        <v>25</v>
      </c>
      <c r="C15" s="32"/>
      <c r="D15" s="33">
        <v>9072533</v>
      </c>
      <c r="E15" s="33">
        <v>9069042</v>
      </c>
      <c r="F15" s="33">
        <v>9064465</v>
      </c>
      <c r="G15" s="33">
        <v>9061378</v>
      </c>
      <c r="H15" s="33">
        <v>9079150</v>
      </c>
      <c r="I15" s="33">
        <v>9080892</v>
      </c>
      <c r="J15" s="33">
        <v>9079363</v>
      </c>
      <c r="K15" s="33">
        <v>9079998</v>
      </c>
      <c r="L15" s="33">
        <v>9081005</v>
      </c>
      <c r="M15" s="33">
        <v>9081742</v>
      </c>
      <c r="N15" s="33">
        <v>9084223</v>
      </c>
      <c r="O15" s="125">
        <v>9084473</v>
      </c>
      <c r="P15" s="129"/>
      <c r="Q15" s="85">
        <v>25</v>
      </c>
      <c r="R15" s="127"/>
      <c r="S15" s="30"/>
      <c r="T15" s="30"/>
    </row>
    <row r="16" spans="1:20" s="140" customFormat="1" ht="12" customHeight="1">
      <c r="A16" s="134"/>
      <c r="B16" s="23">
        <v>24</v>
      </c>
      <c r="C16" s="135"/>
      <c r="D16" s="25">
        <v>9060257</v>
      </c>
      <c r="E16" s="25">
        <v>9057742</v>
      </c>
      <c r="F16" s="25">
        <v>9053776</v>
      </c>
      <c r="G16" s="25">
        <v>9052730</v>
      </c>
      <c r="H16" s="25">
        <v>9069694</v>
      </c>
      <c r="I16" s="25">
        <v>9072471</v>
      </c>
      <c r="J16" s="25">
        <v>9071272</v>
      </c>
      <c r="K16" s="25">
        <v>9071855</v>
      </c>
      <c r="L16" s="25">
        <v>9073190</v>
      </c>
      <c r="M16" s="25">
        <v>9072133</v>
      </c>
      <c r="N16" s="25">
        <v>9075474</v>
      </c>
      <c r="O16" s="136">
        <v>9075075</v>
      </c>
      <c r="P16" s="137"/>
      <c r="Q16" s="23">
        <v>24</v>
      </c>
      <c r="R16" s="138"/>
      <c r="S16" s="139"/>
      <c r="T16" s="139"/>
    </row>
    <row r="17" spans="1:20" s="29" customFormat="1" ht="12" customHeight="1">
      <c r="A17" s="61"/>
      <c r="B17" s="85">
        <v>23</v>
      </c>
      <c r="C17" s="32"/>
      <c r="D17" s="33">
        <v>9051028</v>
      </c>
      <c r="E17" s="33">
        <v>9049201</v>
      </c>
      <c r="F17" s="33">
        <v>9046250</v>
      </c>
      <c r="G17" s="33">
        <v>9044930</v>
      </c>
      <c r="H17" s="33">
        <v>9057420</v>
      </c>
      <c r="I17" s="33">
        <v>9060539</v>
      </c>
      <c r="J17" s="33">
        <v>9059480</v>
      </c>
      <c r="K17" s="33">
        <v>9058420</v>
      </c>
      <c r="L17" s="33">
        <v>9060518</v>
      </c>
      <c r="M17" s="33">
        <v>9059616</v>
      </c>
      <c r="N17" s="33">
        <v>9061473</v>
      </c>
      <c r="O17" s="125">
        <v>9061898</v>
      </c>
      <c r="P17" s="129"/>
      <c r="Q17" s="85">
        <v>23</v>
      </c>
      <c r="R17" s="127"/>
      <c r="S17" s="30"/>
      <c r="T17" s="30"/>
    </row>
    <row r="18" spans="1:20" s="29" customFormat="1" ht="12" customHeight="1">
      <c r="A18" s="62"/>
      <c r="B18" s="79" t="s">
        <v>19</v>
      </c>
      <c r="C18" s="46"/>
      <c r="D18" s="47">
        <v>9008132</v>
      </c>
      <c r="E18" s="47">
        <v>9006229</v>
      </c>
      <c r="F18" s="47">
        <v>9004306</v>
      </c>
      <c r="G18" s="47">
        <v>9008743</v>
      </c>
      <c r="H18" s="47">
        <v>9025843</v>
      </c>
      <c r="I18" s="47">
        <v>9028118</v>
      </c>
      <c r="J18" s="47">
        <v>9028302</v>
      </c>
      <c r="K18" s="47">
        <v>9028285</v>
      </c>
      <c r="L18" s="47">
        <v>9029996</v>
      </c>
      <c r="M18" s="47">
        <v>9048331</v>
      </c>
      <c r="N18" s="47">
        <v>9050567</v>
      </c>
      <c r="O18" s="122">
        <v>9051390</v>
      </c>
      <c r="P18" s="132"/>
      <c r="Q18" s="79" t="s">
        <v>19</v>
      </c>
      <c r="R18" s="124"/>
      <c r="S18" s="30"/>
      <c r="T18" s="30"/>
    </row>
    <row r="19" spans="1:20" s="29" customFormat="1" ht="6.75" customHeight="1">
      <c r="A19" s="61"/>
      <c r="B19" s="85"/>
      <c r="C19" s="32"/>
      <c r="D19" s="33"/>
      <c r="E19" s="33"/>
      <c r="F19" s="33"/>
      <c r="G19" s="33"/>
      <c r="H19" s="33"/>
      <c r="I19" s="33"/>
      <c r="J19" s="33"/>
      <c r="K19" s="33"/>
      <c r="L19" s="33"/>
      <c r="M19" s="33"/>
      <c r="N19" s="33"/>
      <c r="O19" s="125"/>
      <c r="P19" s="129"/>
      <c r="Q19" s="85"/>
      <c r="R19" s="127"/>
      <c r="S19" s="30"/>
      <c r="T19" s="30"/>
    </row>
    <row r="20" spans="1:20" ht="12" customHeight="1">
      <c r="A20" s="31"/>
      <c r="B20" s="85">
        <v>21</v>
      </c>
      <c r="C20" s="32"/>
      <c r="D20" s="33">
        <v>8965352</v>
      </c>
      <c r="E20" s="33">
        <v>8965954</v>
      </c>
      <c r="F20" s="33">
        <v>8964892</v>
      </c>
      <c r="G20" s="33">
        <v>8974075</v>
      </c>
      <c r="H20" s="33">
        <v>8994595</v>
      </c>
      <c r="I20" s="33">
        <v>8998805</v>
      </c>
      <c r="J20" s="33">
        <v>9001358</v>
      </c>
      <c r="K20" s="33">
        <v>9002078</v>
      </c>
      <c r="L20" s="33">
        <v>9003840</v>
      </c>
      <c r="M20" s="33">
        <v>9005176</v>
      </c>
      <c r="N20" s="33">
        <v>9007993</v>
      </c>
      <c r="O20" s="125">
        <v>9008905</v>
      </c>
      <c r="P20" s="126"/>
      <c r="Q20" s="85">
        <v>21</v>
      </c>
      <c r="R20" s="127"/>
    </row>
    <row r="21" spans="1:20" s="29" customFormat="1" ht="12" customHeight="1">
      <c r="A21" s="61"/>
      <c r="B21" s="85">
        <v>20</v>
      </c>
      <c r="C21" s="32"/>
      <c r="D21" s="33">
        <v>8910256</v>
      </c>
      <c r="E21" s="33">
        <v>8910553</v>
      </c>
      <c r="F21" s="33">
        <v>8909857</v>
      </c>
      <c r="G21" s="33">
        <v>8916854</v>
      </c>
      <c r="H21" s="33">
        <v>8939652</v>
      </c>
      <c r="I21" s="33">
        <v>8944118</v>
      </c>
      <c r="J21" s="33">
        <v>8946742</v>
      </c>
      <c r="K21" s="33">
        <v>8950032</v>
      </c>
      <c r="L21" s="33">
        <v>8953788</v>
      </c>
      <c r="M21" s="33">
        <v>8956804</v>
      </c>
      <c r="N21" s="33">
        <v>8961239</v>
      </c>
      <c r="O21" s="125">
        <v>8963944</v>
      </c>
      <c r="P21" s="129"/>
      <c r="Q21" s="85">
        <v>20</v>
      </c>
      <c r="R21" s="127"/>
      <c r="S21" s="30"/>
      <c r="T21" s="30"/>
    </row>
    <row r="22" spans="1:20" s="29" customFormat="1" ht="12" customHeight="1">
      <c r="A22" s="61"/>
      <c r="B22" s="85">
        <v>19</v>
      </c>
      <c r="C22" s="32"/>
      <c r="D22" s="33">
        <v>8848166</v>
      </c>
      <c r="E22" s="33">
        <v>8849821</v>
      </c>
      <c r="F22" s="33">
        <v>8850901</v>
      </c>
      <c r="G22" s="33">
        <v>8854830</v>
      </c>
      <c r="H22" s="33">
        <v>8879968</v>
      </c>
      <c r="I22" s="33">
        <v>8887150</v>
      </c>
      <c r="J22" s="33">
        <v>8889933</v>
      </c>
      <c r="K22" s="33">
        <v>8893264</v>
      </c>
      <c r="L22" s="33">
        <v>8898195</v>
      </c>
      <c r="M22" s="33">
        <v>8899545</v>
      </c>
      <c r="N22" s="33">
        <v>8905930</v>
      </c>
      <c r="O22" s="125">
        <v>8908440</v>
      </c>
      <c r="P22" s="129"/>
      <c r="Q22" s="85">
        <v>19</v>
      </c>
      <c r="R22" s="127"/>
      <c r="S22" s="30"/>
      <c r="T22" s="30"/>
    </row>
    <row r="23" spans="1:20" s="29" customFormat="1" ht="12" customHeight="1">
      <c r="A23" s="61"/>
      <c r="B23" s="85">
        <v>18</v>
      </c>
      <c r="C23" s="32"/>
      <c r="D23" s="33">
        <v>8801632</v>
      </c>
      <c r="E23" s="33">
        <v>8801612</v>
      </c>
      <c r="F23" s="33">
        <v>8801102</v>
      </c>
      <c r="G23" s="33">
        <v>8800903</v>
      </c>
      <c r="H23" s="33">
        <v>8823924</v>
      </c>
      <c r="I23" s="33">
        <v>8830438</v>
      </c>
      <c r="J23" s="33">
        <v>8831157</v>
      </c>
      <c r="K23" s="33">
        <v>8834021</v>
      </c>
      <c r="L23" s="33">
        <v>8836558</v>
      </c>
      <c r="M23" s="33">
        <v>8837640</v>
      </c>
      <c r="N23" s="33">
        <v>8843347</v>
      </c>
      <c r="O23" s="125">
        <v>8846454</v>
      </c>
      <c r="P23" s="129"/>
      <c r="Q23" s="85">
        <v>18</v>
      </c>
      <c r="R23" s="127"/>
      <c r="S23" s="30"/>
      <c r="T23" s="30"/>
    </row>
    <row r="24" spans="1:20" s="29" customFormat="1" ht="12" customHeight="1">
      <c r="A24" s="62"/>
      <c r="B24" s="79" t="s">
        <v>20</v>
      </c>
      <c r="C24" s="46"/>
      <c r="D24" s="47">
        <v>8748731</v>
      </c>
      <c r="E24" s="47">
        <v>8749335</v>
      </c>
      <c r="F24" s="47">
        <v>8748193</v>
      </c>
      <c r="G24" s="47">
        <v>8749038</v>
      </c>
      <c r="H24" s="47">
        <v>8771143</v>
      </c>
      <c r="I24" s="47">
        <v>8776724</v>
      </c>
      <c r="J24" s="47">
        <v>8779313</v>
      </c>
      <c r="K24" s="47">
        <v>8780836</v>
      </c>
      <c r="L24" s="47">
        <v>8785638</v>
      </c>
      <c r="M24" s="47">
        <v>8791597</v>
      </c>
      <c r="N24" s="47">
        <v>8797714</v>
      </c>
      <c r="O24" s="122">
        <v>8800167</v>
      </c>
      <c r="P24" s="132"/>
      <c r="Q24" s="79" t="s">
        <v>20</v>
      </c>
      <c r="R24" s="124"/>
      <c r="S24" s="30"/>
      <c r="T24" s="30"/>
    </row>
    <row r="25" spans="1:20" s="29" customFormat="1" ht="6.75" customHeight="1">
      <c r="A25" s="61"/>
      <c r="B25" s="85"/>
      <c r="C25" s="32"/>
      <c r="D25" s="33"/>
      <c r="E25" s="33"/>
      <c r="F25" s="33"/>
      <c r="G25" s="33"/>
      <c r="H25" s="33"/>
      <c r="I25" s="33"/>
      <c r="J25" s="33"/>
      <c r="K25" s="33"/>
      <c r="L25" s="33"/>
      <c r="M25" s="33"/>
      <c r="N25" s="33"/>
      <c r="O25" s="125"/>
      <c r="P25" s="129"/>
      <c r="Q25" s="85"/>
      <c r="R25" s="127"/>
      <c r="S25" s="30"/>
      <c r="T25" s="30"/>
    </row>
    <row r="26" spans="1:20" s="29" customFormat="1" ht="12" customHeight="1">
      <c r="A26" s="31"/>
      <c r="B26" s="85">
        <v>16</v>
      </c>
      <c r="C26" s="32"/>
      <c r="D26" s="33">
        <v>8697720</v>
      </c>
      <c r="E26" s="33">
        <v>8699273</v>
      </c>
      <c r="F26" s="33">
        <v>8699920</v>
      </c>
      <c r="G26" s="33">
        <v>8702885</v>
      </c>
      <c r="H26" s="33">
        <v>8726087</v>
      </c>
      <c r="I26" s="33">
        <v>8732827</v>
      </c>
      <c r="J26" s="33">
        <v>8736632</v>
      </c>
      <c r="K26" s="33">
        <v>8734819</v>
      </c>
      <c r="L26" s="33">
        <v>8738441</v>
      </c>
      <c r="M26" s="33">
        <v>8740136</v>
      </c>
      <c r="N26" s="33">
        <v>8744097</v>
      </c>
      <c r="O26" s="125">
        <v>8747356</v>
      </c>
      <c r="P26" s="126"/>
      <c r="Q26" s="85">
        <v>16</v>
      </c>
      <c r="R26" s="127"/>
      <c r="S26" s="30"/>
      <c r="T26" s="30"/>
    </row>
    <row r="27" spans="1:20" s="29" customFormat="1" ht="12" customHeight="1">
      <c r="A27" s="61"/>
      <c r="B27" s="85">
        <v>15</v>
      </c>
      <c r="C27" s="32"/>
      <c r="D27" s="33">
        <v>8639665</v>
      </c>
      <c r="E27" s="33">
        <v>8641280</v>
      </c>
      <c r="F27" s="33">
        <v>8640748</v>
      </c>
      <c r="G27" s="33">
        <v>8641565</v>
      </c>
      <c r="H27" s="33">
        <v>8668586</v>
      </c>
      <c r="I27" s="33">
        <v>8674693</v>
      </c>
      <c r="J27" s="33">
        <v>8677993</v>
      </c>
      <c r="K27" s="33">
        <v>8680615</v>
      </c>
      <c r="L27" s="33">
        <v>8684654</v>
      </c>
      <c r="M27" s="33">
        <v>8687422</v>
      </c>
      <c r="N27" s="33">
        <v>8692732</v>
      </c>
      <c r="O27" s="125">
        <v>8695931</v>
      </c>
      <c r="P27" s="129"/>
      <c r="Q27" s="85">
        <v>15</v>
      </c>
      <c r="R27" s="127"/>
      <c r="S27" s="30"/>
      <c r="T27" s="30"/>
    </row>
    <row r="28" spans="1:20" s="29" customFormat="1" ht="12" customHeight="1">
      <c r="A28" s="61"/>
      <c r="B28" s="85">
        <v>14</v>
      </c>
      <c r="C28" s="32"/>
      <c r="D28" s="33">
        <v>8575372</v>
      </c>
      <c r="E28" s="33">
        <v>8577784</v>
      </c>
      <c r="F28" s="33">
        <v>8578873</v>
      </c>
      <c r="G28" s="33">
        <v>8572726</v>
      </c>
      <c r="H28" s="33">
        <v>8606865</v>
      </c>
      <c r="I28" s="33">
        <v>8614190</v>
      </c>
      <c r="J28" s="33">
        <v>8616886</v>
      </c>
      <c r="K28" s="33">
        <v>8621337</v>
      </c>
      <c r="L28" s="33">
        <v>8625880</v>
      </c>
      <c r="M28" s="33">
        <v>8628787</v>
      </c>
      <c r="N28" s="33">
        <v>8634524</v>
      </c>
      <c r="O28" s="125">
        <v>8638175</v>
      </c>
      <c r="P28" s="129"/>
      <c r="Q28" s="85">
        <v>14</v>
      </c>
      <c r="R28" s="127"/>
      <c r="S28" s="30"/>
      <c r="T28" s="30"/>
    </row>
    <row r="29" spans="1:20" s="29" customFormat="1" ht="12" customHeight="1">
      <c r="A29" s="61"/>
      <c r="B29" s="85">
        <v>13</v>
      </c>
      <c r="C29" s="32"/>
      <c r="D29" s="33">
        <v>8503498</v>
      </c>
      <c r="E29" s="33">
        <v>8506983</v>
      </c>
      <c r="F29" s="33">
        <v>8507802</v>
      </c>
      <c r="G29" s="33">
        <v>8503950</v>
      </c>
      <c r="H29" s="33">
        <v>8534524</v>
      </c>
      <c r="I29" s="33">
        <v>8543348</v>
      </c>
      <c r="J29" s="33">
        <v>8547753</v>
      </c>
      <c r="K29" s="33">
        <v>8551899</v>
      </c>
      <c r="L29" s="33">
        <v>8558071</v>
      </c>
      <c r="M29" s="33">
        <v>8561001</v>
      </c>
      <c r="N29" s="33">
        <v>8569740</v>
      </c>
      <c r="O29" s="125">
        <v>8573449</v>
      </c>
      <c r="P29" s="129"/>
      <c r="Q29" s="85">
        <v>13</v>
      </c>
      <c r="R29" s="127"/>
      <c r="S29" s="30"/>
      <c r="T29" s="30"/>
    </row>
    <row r="30" spans="1:20" s="29" customFormat="1" ht="12" customHeight="1">
      <c r="A30" s="62"/>
      <c r="B30" s="79" t="s">
        <v>21</v>
      </c>
      <c r="C30" s="46"/>
      <c r="D30" s="47">
        <v>8446174</v>
      </c>
      <c r="E30" s="47">
        <v>8447789</v>
      </c>
      <c r="F30" s="47">
        <v>8447118</v>
      </c>
      <c r="G30" s="47">
        <v>8441464</v>
      </c>
      <c r="H30" s="47">
        <v>8469082</v>
      </c>
      <c r="I30" s="47">
        <v>8476353</v>
      </c>
      <c r="J30" s="47">
        <v>8479368</v>
      </c>
      <c r="K30" s="47">
        <v>8481898</v>
      </c>
      <c r="L30" s="47">
        <v>8488207</v>
      </c>
      <c r="M30" s="47">
        <v>8489974</v>
      </c>
      <c r="N30" s="47">
        <v>8496792</v>
      </c>
      <c r="O30" s="122">
        <v>8501436</v>
      </c>
      <c r="P30" s="132"/>
      <c r="Q30" s="79" t="s">
        <v>21</v>
      </c>
      <c r="R30" s="124"/>
      <c r="S30" s="30"/>
      <c r="T30" s="30"/>
    </row>
    <row r="31" spans="1:20" s="29" customFormat="1" ht="6.75" customHeight="1">
      <c r="A31" s="61"/>
      <c r="B31" s="85"/>
      <c r="C31" s="32"/>
      <c r="D31" s="33"/>
      <c r="E31" s="33"/>
      <c r="F31" s="33"/>
      <c r="G31" s="33"/>
      <c r="H31" s="33"/>
      <c r="I31" s="33"/>
      <c r="J31" s="33"/>
      <c r="K31" s="33"/>
      <c r="L31" s="33"/>
      <c r="M31" s="33"/>
      <c r="N31" s="33"/>
      <c r="O31" s="125"/>
      <c r="P31" s="129"/>
      <c r="Q31" s="85"/>
      <c r="R31" s="127"/>
      <c r="S31" s="30"/>
      <c r="T31" s="30"/>
    </row>
    <row r="32" spans="1:20" ht="12" customHeight="1">
      <c r="A32" s="31"/>
      <c r="B32" s="85">
        <v>11</v>
      </c>
      <c r="C32" s="32"/>
      <c r="D32" s="33">
        <v>8398336</v>
      </c>
      <c r="E32" s="33">
        <v>8398271</v>
      </c>
      <c r="F32" s="33">
        <v>8397311</v>
      </c>
      <c r="G32" s="33">
        <v>8392402</v>
      </c>
      <c r="H32" s="33">
        <v>8419574</v>
      </c>
      <c r="I32" s="33">
        <v>8425391</v>
      </c>
      <c r="J32" s="33">
        <v>8427436</v>
      </c>
      <c r="K32" s="33">
        <v>8429422</v>
      </c>
      <c r="L32" s="33">
        <v>8434333</v>
      </c>
      <c r="M32" s="33">
        <v>8436490</v>
      </c>
      <c r="N32" s="33">
        <v>8439894</v>
      </c>
      <c r="O32" s="125">
        <v>8443701</v>
      </c>
      <c r="P32" s="126"/>
      <c r="Q32" s="85">
        <v>11</v>
      </c>
      <c r="R32" s="127"/>
    </row>
    <row r="33" spans="1:20" s="29" customFormat="1" ht="12" customHeight="1">
      <c r="A33" s="61"/>
      <c r="B33" s="85">
        <v>10</v>
      </c>
      <c r="C33" s="32"/>
      <c r="D33" s="33">
        <v>8340837</v>
      </c>
      <c r="E33" s="33">
        <v>8342266</v>
      </c>
      <c r="F33" s="33">
        <v>8341756</v>
      </c>
      <c r="G33" s="33">
        <v>8335821</v>
      </c>
      <c r="H33" s="33">
        <v>8367264</v>
      </c>
      <c r="I33" s="33">
        <v>8373950</v>
      </c>
      <c r="J33" s="33">
        <v>8378473</v>
      </c>
      <c r="K33" s="33">
        <v>8380178</v>
      </c>
      <c r="L33" s="33">
        <v>8386812</v>
      </c>
      <c r="M33" s="33">
        <v>8389140</v>
      </c>
      <c r="N33" s="33">
        <v>8394458</v>
      </c>
      <c r="O33" s="125">
        <v>8396440</v>
      </c>
      <c r="P33" s="129"/>
      <c r="Q33" s="85">
        <v>10</v>
      </c>
      <c r="R33" s="127"/>
      <c r="S33" s="30"/>
      <c r="T33" s="30"/>
    </row>
    <row r="34" spans="1:20" s="29" customFormat="1" ht="12" customHeight="1">
      <c r="A34" s="61"/>
      <c r="B34" s="85">
        <v>9</v>
      </c>
      <c r="C34" s="32"/>
      <c r="D34" s="33">
        <v>8295504</v>
      </c>
      <c r="E34" s="33">
        <v>8295375</v>
      </c>
      <c r="F34" s="33">
        <v>8294035</v>
      </c>
      <c r="G34" s="33">
        <v>8282288</v>
      </c>
      <c r="H34" s="33">
        <v>8313213</v>
      </c>
      <c r="I34" s="33">
        <v>8318976</v>
      </c>
      <c r="J34" s="33">
        <v>8320339</v>
      </c>
      <c r="K34" s="33">
        <v>8321227</v>
      </c>
      <c r="L34" s="33">
        <v>8326923</v>
      </c>
      <c r="M34" s="33">
        <v>8329289</v>
      </c>
      <c r="N34" s="33">
        <v>8333672</v>
      </c>
      <c r="O34" s="125">
        <v>8338301</v>
      </c>
      <c r="P34" s="129"/>
      <c r="Q34" s="85">
        <v>9</v>
      </c>
      <c r="R34" s="127"/>
      <c r="S34" s="30"/>
      <c r="T34" s="30"/>
    </row>
    <row r="35" spans="1:20" s="29" customFormat="1" ht="12" customHeight="1">
      <c r="A35" s="61"/>
      <c r="B35" s="85">
        <v>8</v>
      </c>
      <c r="C35" s="32"/>
      <c r="D35" s="33">
        <v>8252665</v>
      </c>
      <c r="E35" s="33">
        <v>8253570</v>
      </c>
      <c r="F35" s="33">
        <v>8252100</v>
      </c>
      <c r="G35" s="33">
        <v>8232106</v>
      </c>
      <c r="H35" s="33">
        <v>8265950</v>
      </c>
      <c r="I35" s="33">
        <v>8272760</v>
      </c>
      <c r="J35" s="33">
        <v>8275647</v>
      </c>
      <c r="K35" s="33">
        <v>8277078</v>
      </c>
      <c r="L35" s="33">
        <v>8282160</v>
      </c>
      <c r="M35" s="33">
        <v>8285030</v>
      </c>
      <c r="N35" s="33">
        <v>8289200</v>
      </c>
      <c r="O35" s="125">
        <v>8293339</v>
      </c>
      <c r="P35" s="129"/>
      <c r="Q35" s="85">
        <v>8</v>
      </c>
      <c r="R35" s="127"/>
      <c r="S35" s="30"/>
      <c r="T35" s="30"/>
    </row>
    <row r="36" spans="1:20" s="29" customFormat="1" ht="12" customHeight="1">
      <c r="A36" s="62"/>
      <c r="B36" s="79" t="s">
        <v>22</v>
      </c>
      <c r="C36" s="46"/>
      <c r="D36" s="47">
        <v>8238840</v>
      </c>
      <c r="E36" s="47">
        <v>8240571</v>
      </c>
      <c r="F36" s="47">
        <v>8238632</v>
      </c>
      <c r="G36" s="47">
        <v>8221618</v>
      </c>
      <c r="H36" s="47">
        <v>8251296</v>
      </c>
      <c r="I36" s="47">
        <v>8258718</v>
      </c>
      <c r="J36" s="47">
        <v>8260247</v>
      </c>
      <c r="K36" s="47">
        <v>8259141</v>
      </c>
      <c r="L36" s="47">
        <v>8264521</v>
      </c>
      <c r="M36" s="47">
        <v>8245900</v>
      </c>
      <c r="N36" s="47">
        <v>8249538</v>
      </c>
      <c r="O36" s="122">
        <v>8253021</v>
      </c>
      <c r="P36" s="132"/>
      <c r="Q36" s="79" t="s">
        <v>22</v>
      </c>
      <c r="R36" s="124"/>
      <c r="S36" s="30"/>
      <c r="T36" s="30"/>
    </row>
    <row r="37" spans="1:20" s="29" customFormat="1" ht="6.75" customHeight="1">
      <c r="A37" s="61"/>
      <c r="B37" s="85"/>
      <c r="C37" s="32"/>
      <c r="D37" s="33"/>
      <c r="E37" s="33"/>
      <c r="F37" s="33"/>
      <c r="G37" s="33"/>
      <c r="H37" s="33"/>
      <c r="I37" s="33"/>
      <c r="J37" s="33"/>
      <c r="K37" s="33"/>
      <c r="L37" s="33"/>
      <c r="M37" s="33"/>
      <c r="N37" s="33"/>
      <c r="O37" s="125"/>
      <c r="P37" s="129"/>
      <c r="Q37" s="85"/>
      <c r="R37" s="127"/>
      <c r="S37" s="30"/>
      <c r="T37" s="30"/>
    </row>
    <row r="38" spans="1:20" ht="12" customHeight="1">
      <c r="A38" s="31"/>
      <c r="B38" s="85">
        <v>6</v>
      </c>
      <c r="C38" s="32"/>
      <c r="D38" s="33">
        <v>8196872</v>
      </c>
      <c r="E38" s="33">
        <v>8197526</v>
      </c>
      <c r="F38" s="33">
        <v>8193262</v>
      </c>
      <c r="G38" s="33">
        <v>8178713</v>
      </c>
      <c r="H38" s="33">
        <v>8209489</v>
      </c>
      <c r="I38" s="33">
        <v>8217650</v>
      </c>
      <c r="J38" s="33">
        <v>8220367</v>
      </c>
      <c r="K38" s="33">
        <v>8219525</v>
      </c>
      <c r="L38" s="33">
        <v>8225905</v>
      </c>
      <c r="M38" s="33">
        <v>8228033</v>
      </c>
      <c r="N38" s="33">
        <v>8232735</v>
      </c>
      <c r="O38" s="125">
        <v>8237053</v>
      </c>
      <c r="P38" s="126"/>
      <c r="Q38" s="85">
        <v>6</v>
      </c>
      <c r="R38" s="127"/>
    </row>
    <row r="39" spans="1:20" s="29" customFormat="1" ht="12" customHeight="1">
      <c r="A39" s="61"/>
      <c r="B39" s="85">
        <v>5</v>
      </c>
      <c r="C39" s="32"/>
      <c r="D39" s="33">
        <v>8148512</v>
      </c>
      <c r="E39" s="33">
        <v>8149547</v>
      </c>
      <c r="F39" s="33">
        <v>8149282</v>
      </c>
      <c r="G39" s="33">
        <v>8133824</v>
      </c>
      <c r="H39" s="33">
        <v>8171572</v>
      </c>
      <c r="I39" s="33">
        <v>8177717</v>
      </c>
      <c r="J39" s="33">
        <v>8181366</v>
      </c>
      <c r="K39" s="33">
        <v>8181225</v>
      </c>
      <c r="L39" s="33">
        <v>8186190</v>
      </c>
      <c r="M39" s="33">
        <v>8187799</v>
      </c>
      <c r="N39" s="33">
        <v>8191243</v>
      </c>
      <c r="O39" s="125">
        <v>8194483</v>
      </c>
      <c r="P39" s="129"/>
      <c r="Q39" s="85">
        <v>5</v>
      </c>
      <c r="R39" s="127"/>
      <c r="S39" s="30"/>
      <c r="T39" s="30"/>
    </row>
    <row r="40" spans="1:20" s="29" customFormat="1" ht="12" customHeight="1">
      <c r="A40" s="61"/>
      <c r="B40" s="85">
        <v>4</v>
      </c>
      <c r="C40" s="32"/>
      <c r="D40" s="33">
        <v>8084849</v>
      </c>
      <c r="E40" s="33">
        <v>8086971</v>
      </c>
      <c r="F40" s="33">
        <v>8087093</v>
      </c>
      <c r="G40" s="33">
        <v>8074302</v>
      </c>
      <c r="H40" s="33">
        <v>8118623</v>
      </c>
      <c r="I40" s="33">
        <v>8127547</v>
      </c>
      <c r="J40" s="33">
        <v>8131744</v>
      </c>
      <c r="K40" s="33">
        <v>8130948</v>
      </c>
      <c r="L40" s="33">
        <v>8135110</v>
      </c>
      <c r="M40" s="33">
        <v>8137615</v>
      </c>
      <c r="N40" s="33">
        <v>8142036</v>
      </c>
      <c r="O40" s="125">
        <v>8146441</v>
      </c>
      <c r="P40" s="129"/>
      <c r="Q40" s="85">
        <v>4</v>
      </c>
      <c r="R40" s="127"/>
      <c r="S40" s="30"/>
      <c r="T40" s="30"/>
    </row>
    <row r="41" spans="1:20" s="29" customFormat="1" ht="12" customHeight="1">
      <c r="A41" s="61"/>
      <c r="B41" s="85">
        <v>3</v>
      </c>
      <c r="C41" s="32"/>
      <c r="D41" s="33">
        <v>7998747</v>
      </c>
      <c r="E41" s="33">
        <v>8003155</v>
      </c>
      <c r="F41" s="33">
        <v>8004094</v>
      </c>
      <c r="G41" s="33">
        <v>7988686</v>
      </c>
      <c r="H41" s="33">
        <v>8038495</v>
      </c>
      <c r="I41" s="33">
        <v>8050786</v>
      </c>
      <c r="J41" s="33">
        <v>8056579</v>
      </c>
      <c r="K41" s="33">
        <v>8059054</v>
      </c>
      <c r="L41" s="33">
        <v>8064518</v>
      </c>
      <c r="M41" s="33">
        <v>8069545</v>
      </c>
      <c r="N41" s="33">
        <v>8074862</v>
      </c>
      <c r="O41" s="125">
        <v>8080974</v>
      </c>
      <c r="P41" s="129"/>
      <c r="Q41" s="85">
        <v>3</v>
      </c>
      <c r="R41" s="127"/>
      <c r="S41" s="30"/>
      <c r="T41" s="30"/>
    </row>
    <row r="42" spans="1:20" s="29" customFormat="1" ht="12" customHeight="1">
      <c r="A42" s="62"/>
      <c r="B42" s="79" t="s">
        <v>23</v>
      </c>
      <c r="C42" s="46"/>
      <c r="D42" s="47">
        <v>7910382</v>
      </c>
      <c r="E42" s="47">
        <v>7914216</v>
      </c>
      <c r="F42" s="47">
        <v>7915896</v>
      </c>
      <c r="G42" s="47">
        <v>7902528</v>
      </c>
      <c r="H42" s="47">
        <v>7953079</v>
      </c>
      <c r="I42" s="47">
        <v>7967598</v>
      </c>
      <c r="J42" s="47">
        <v>7974372</v>
      </c>
      <c r="K42" s="47">
        <v>7976278</v>
      </c>
      <c r="L42" s="47">
        <v>7984004</v>
      </c>
      <c r="M42" s="47">
        <v>7980391</v>
      </c>
      <c r="N42" s="47">
        <v>7987942</v>
      </c>
      <c r="O42" s="122">
        <v>7993665</v>
      </c>
      <c r="P42" s="132"/>
      <c r="Q42" s="79" t="s">
        <v>23</v>
      </c>
      <c r="R42" s="124"/>
      <c r="S42" s="30"/>
      <c r="T42" s="30"/>
    </row>
    <row r="43" spans="1:20" s="29" customFormat="1" ht="6.75" customHeight="1">
      <c r="A43" s="61"/>
      <c r="B43" s="85"/>
      <c r="C43" s="32"/>
      <c r="D43" s="33"/>
      <c r="E43" s="33"/>
      <c r="F43" s="33"/>
      <c r="G43" s="33"/>
      <c r="H43" s="33"/>
      <c r="I43" s="33"/>
      <c r="J43" s="33"/>
      <c r="K43" s="33"/>
      <c r="L43" s="33"/>
      <c r="M43" s="33"/>
      <c r="N43" s="33"/>
      <c r="O43" s="125"/>
      <c r="P43" s="129"/>
      <c r="Q43" s="85"/>
      <c r="R43" s="127"/>
      <c r="S43" s="30"/>
      <c r="T43" s="30"/>
    </row>
    <row r="44" spans="1:20" ht="12" customHeight="1">
      <c r="A44" s="31"/>
      <c r="B44" s="85" t="s">
        <v>24</v>
      </c>
      <c r="C44" s="32"/>
      <c r="D44" s="33">
        <v>7810104</v>
      </c>
      <c r="E44" s="33">
        <v>7813982</v>
      </c>
      <c r="F44" s="33">
        <v>7816731</v>
      </c>
      <c r="G44" s="33">
        <v>7807451</v>
      </c>
      <c r="H44" s="33">
        <v>7854850</v>
      </c>
      <c r="I44" s="33">
        <v>7867672</v>
      </c>
      <c r="J44" s="33">
        <v>7873959</v>
      </c>
      <c r="K44" s="33">
        <v>7875430</v>
      </c>
      <c r="L44" s="33">
        <v>7884008</v>
      </c>
      <c r="M44" s="33">
        <v>7889271</v>
      </c>
      <c r="N44" s="33">
        <v>7897204</v>
      </c>
      <c r="O44" s="125">
        <v>7905463</v>
      </c>
      <c r="P44" s="126"/>
      <c r="Q44" s="85" t="s">
        <v>24</v>
      </c>
      <c r="R44" s="127"/>
    </row>
    <row r="45" spans="1:20" s="29" customFormat="1" ht="12" customHeight="1">
      <c r="A45" s="61"/>
      <c r="B45" s="85" t="s">
        <v>25</v>
      </c>
      <c r="C45" s="32"/>
      <c r="D45" s="33">
        <v>7701087</v>
      </c>
      <c r="E45" s="33">
        <v>7706540</v>
      </c>
      <c r="F45" s="33">
        <v>7709914</v>
      </c>
      <c r="G45" s="33">
        <v>7701076</v>
      </c>
      <c r="H45" s="33">
        <v>7749498</v>
      </c>
      <c r="I45" s="33">
        <v>7762778</v>
      </c>
      <c r="J45" s="33">
        <v>7770335</v>
      </c>
      <c r="K45" s="33">
        <v>7772649</v>
      </c>
      <c r="L45" s="33">
        <v>7781946</v>
      </c>
      <c r="M45" s="33">
        <v>7788126</v>
      </c>
      <c r="N45" s="33">
        <v>7796552</v>
      </c>
      <c r="O45" s="125">
        <v>7804511</v>
      </c>
      <c r="P45" s="129"/>
      <c r="Q45" s="85" t="s">
        <v>25</v>
      </c>
      <c r="R45" s="127"/>
      <c r="S45" s="30"/>
      <c r="T45" s="30"/>
    </row>
    <row r="46" spans="1:20" s="29" customFormat="1" ht="12" customHeight="1">
      <c r="A46" s="61"/>
      <c r="B46" s="85">
        <v>62</v>
      </c>
      <c r="C46" s="32"/>
      <c r="D46" s="33">
        <v>7572197</v>
      </c>
      <c r="E46" s="33">
        <v>7578162</v>
      </c>
      <c r="F46" s="33">
        <v>7582129</v>
      </c>
      <c r="G46" s="33">
        <v>7581610</v>
      </c>
      <c r="H46" s="33">
        <v>7632829</v>
      </c>
      <c r="I46" s="33">
        <v>7646291</v>
      </c>
      <c r="J46" s="33">
        <v>7656915</v>
      </c>
      <c r="K46" s="33">
        <v>7660282</v>
      </c>
      <c r="L46" s="33">
        <v>7670731</v>
      </c>
      <c r="M46" s="33">
        <v>7679277</v>
      </c>
      <c r="N46" s="33">
        <v>7687690</v>
      </c>
      <c r="O46" s="125">
        <v>7695909</v>
      </c>
      <c r="P46" s="129"/>
      <c r="Q46" s="85">
        <v>62</v>
      </c>
      <c r="R46" s="127"/>
      <c r="S46" s="30"/>
      <c r="T46" s="30"/>
    </row>
    <row r="47" spans="1:20" ht="12" customHeight="1">
      <c r="A47" s="61"/>
      <c r="B47" s="85">
        <v>61</v>
      </c>
      <c r="C47" s="32"/>
      <c r="D47" s="33">
        <v>7452253</v>
      </c>
      <c r="E47" s="33">
        <v>7457087</v>
      </c>
      <c r="F47" s="33">
        <v>7460014</v>
      </c>
      <c r="G47" s="33">
        <v>7457041</v>
      </c>
      <c r="H47" s="33">
        <v>7506939</v>
      </c>
      <c r="I47" s="33">
        <v>7517450</v>
      </c>
      <c r="J47" s="33">
        <v>7526013</v>
      </c>
      <c r="K47" s="33">
        <v>7529720</v>
      </c>
      <c r="L47" s="33">
        <v>7540229</v>
      </c>
      <c r="M47" s="33">
        <v>7549807</v>
      </c>
      <c r="N47" s="33">
        <v>7556838</v>
      </c>
      <c r="O47" s="125">
        <v>7565772</v>
      </c>
      <c r="P47" s="129"/>
      <c r="Q47" s="85">
        <v>61</v>
      </c>
      <c r="R47" s="127"/>
    </row>
    <row r="48" spans="1:20" ht="12" customHeight="1">
      <c r="A48" s="62"/>
      <c r="B48" s="79" t="s">
        <v>26</v>
      </c>
      <c r="C48" s="46"/>
      <c r="D48" s="47">
        <v>7349993</v>
      </c>
      <c r="E48" s="47">
        <v>7353501</v>
      </c>
      <c r="F48" s="47">
        <v>7355680</v>
      </c>
      <c r="G48" s="47">
        <v>7345091</v>
      </c>
      <c r="H48" s="47">
        <v>7396760</v>
      </c>
      <c r="I48" s="47">
        <v>7407168</v>
      </c>
      <c r="J48" s="47">
        <v>7413348</v>
      </c>
      <c r="K48" s="47">
        <v>7416579</v>
      </c>
      <c r="L48" s="47">
        <v>7425625</v>
      </c>
      <c r="M48" s="47">
        <v>7431974</v>
      </c>
      <c r="N48" s="47">
        <v>7438472</v>
      </c>
      <c r="O48" s="122">
        <v>7445657</v>
      </c>
      <c r="P48" s="132"/>
      <c r="Q48" s="79" t="s">
        <v>26</v>
      </c>
      <c r="R48" s="124"/>
    </row>
    <row r="49" spans="1:18" ht="6.75" customHeight="1">
      <c r="A49" s="61"/>
      <c r="B49" s="85"/>
      <c r="C49" s="32"/>
      <c r="D49" s="33"/>
      <c r="E49" s="33"/>
      <c r="F49" s="33"/>
      <c r="G49" s="33"/>
      <c r="H49" s="33"/>
      <c r="I49" s="33"/>
      <c r="J49" s="33"/>
      <c r="K49" s="33"/>
      <c r="L49" s="33"/>
      <c r="M49" s="33"/>
      <c r="N49" s="33"/>
      <c r="O49" s="125"/>
      <c r="P49" s="129"/>
      <c r="Q49" s="85"/>
      <c r="R49" s="127"/>
    </row>
    <row r="50" spans="1:18" ht="12" customHeight="1">
      <c r="A50" s="31"/>
      <c r="B50" s="85">
        <v>59</v>
      </c>
      <c r="C50" s="32"/>
      <c r="D50" s="33">
        <v>7248578</v>
      </c>
      <c r="E50" s="33">
        <v>7253074</v>
      </c>
      <c r="F50" s="33">
        <v>7255286</v>
      </c>
      <c r="G50" s="33">
        <v>7247089</v>
      </c>
      <c r="H50" s="33">
        <v>7292205</v>
      </c>
      <c r="I50" s="33">
        <v>7303786</v>
      </c>
      <c r="J50" s="33">
        <v>7310055</v>
      </c>
      <c r="K50" s="33">
        <v>7312164</v>
      </c>
      <c r="L50" s="33">
        <v>7321708</v>
      </c>
      <c r="M50" s="33">
        <v>7327697</v>
      </c>
      <c r="N50" s="33">
        <v>7336014</v>
      </c>
      <c r="O50" s="125">
        <v>7342811</v>
      </c>
      <c r="P50" s="126"/>
      <c r="Q50" s="85">
        <v>59</v>
      </c>
      <c r="R50" s="127"/>
    </row>
    <row r="51" spans="1:18" ht="12" customHeight="1">
      <c r="A51" s="61"/>
      <c r="B51" s="85">
        <v>58</v>
      </c>
      <c r="C51" s="32"/>
      <c r="D51" s="33">
        <v>7148043</v>
      </c>
      <c r="E51" s="33">
        <v>7152275</v>
      </c>
      <c r="F51" s="33">
        <v>7154047</v>
      </c>
      <c r="G51" s="33">
        <v>7148308</v>
      </c>
      <c r="H51" s="33">
        <v>7193794</v>
      </c>
      <c r="I51" s="33">
        <v>7204900</v>
      </c>
      <c r="J51" s="33">
        <v>7211622</v>
      </c>
      <c r="K51" s="33">
        <v>7212268</v>
      </c>
      <c r="L51" s="33">
        <v>7221030</v>
      </c>
      <c r="M51" s="33">
        <v>7226033</v>
      </c>
      <c r="N51" s="33">
        <v>7234456</v>
      </c>
      <c r="O51" s="125">
        <v>7242308</v>
      </c>
      <c r="P51" s="129"/>
      <c r="Q51" s="85">
        <v>58</v>
      </c>
      <c r="R51" s="127"/>
    </row>
    <row r="52" spans="1:18" ht="12" customHeight="1">
      <c r="A52" s="61"/>
      <c r="B52" s="85">
        <v>57</v>
      </c>
      <c r="C52" s="32"/>
      <c r="D52" s="33">
        <v>7044560</v>
      </c>
      <c r="E52" s="33">
        <v>7049454</v>
      </c>
      <c r="F52" s="33">
        <v>7051786</v>
      </c>
      <c r="G52" s="33">
        <v>7043231</v>
      </c>
      <c r="H52" s="33">
        <v>7091476</v>
      </c>
      <c r="I52" s="33">
        <v>7103484</v>
      </c>
      <c r="J52" s="33">
        <v>7110584</v>
      </c>
      <c r="K52" s="33">
        <v>7111517</v>
      </c>
      <c r="L52" s="33">
        <v>7120937</v>
      </c>
      <c r="M52" s="33">
        <v>7127764</v>
      </c>
      <c r="N52" s="33">
        <v>7134491</v>
      </c>
      <c r="O52" s="125">
        <v>7142470</v>
      </c>
      <c r="P52" s="129"/>
      <c r="Q52" s="85">
        <v>57</v>
      </c>
      <c r="R52" s="127"/>
    </row>
    <row r="53" spans="1:18" ht="12" customHeight="1">
      <c r="A53" s="61"/>
      <c r="B53" s="85">
        <v>56</v>
      </c>
      <c r="C53" s="32"/>
      <c r="D53" s="33">
        <v>6943574</v>
      </c>
      <c r="E53" s="33">
        <v>6948738</v>
      </c>
      <c r="F53" s="33">
        <v>6950845</v>
      </c>
      <c r="G53" s="33">
        <v>6943675</v>
      </c>
      <c r="H53" s="33">
        <v>6986825</v>
      </c>
      <c r="I53" s="33">
        <v>6996865</v>
      </c>
      <c r="J53" s="33">
        <v>7004818</v>
      </c>
      <c r="K53" s="33">
        <v>7005286</v>
      </c>
      <c r="L53" s="33">
        <v>7013823</v>
      </c>
      <c r="M53" s="33">
        <v>7021284</v>
      </c>
      <c r="N53" s="33">
        <v>7029194</v>
      </c>
      <c r="O53" s="125">
        <v>7038381</v>
      </c>
      <c r="P53" s="129"/>
      <c r="Q53" s="85">
        <v>56</v>
      </c>
      <c r="R53" s="127"/>
    </row>
    <row r="54" spans="1:18" ht="12" customHeight="1">
      <c r="A54" s="62"/>
      <c r="B54" s="79" t="s">
        <v>27</v>
      </c>
      <c r="C54" s="46"/>
      <c r="D54" s="47">
        <v>6857040</v>
      </c>
      <c r="E54" s="47">
        <v>6860777</v>
      </c>
      <c r="F54" s="47">
        <v>6862617</v>
      </c>
      <c r="G54" s="47">
        <v>6849315</v>
      </c>
      <c r="H54" s="47">
        <v>6894044</v>
      </c>
      <c r="I54" s="47">
        <v>6904032</v>
      </c>
      <c r="J54" s="47">
        <v>6910532</v>
      </c>
      <c r="K54" s="47">
        <v>6911199</v>
      </c>
      <c r="L54" s="47">
        <v>6917751</v>
      </c>
      <c r="M54" s="47">
        <v>6924348</v>
      </c>
      <c r="N54" s="47">
        <v>6930202</v>
      </c>
      <c r="O54" s="122">
        <v>6937874</v>
      </c>
      <c r="P54" s="132"/>
      <c r="Q54" s="79" t="s">
        <v>27</v>
      </c>
      <c r="R54" s="124"/>
    </row>
    <row r="55" spans="1:18" ht="6.75" customHeight="1">
      <c r="A55" s="61"/>
      <c r="B55" s="85"/>
      <c r="C55" s="32"/>
      <c r="D55" s="33"/>
      <c r="E55" s="33"/>
      <c r="F55" s="33"/>
      <c r="G55" s="33"/>
      <c r="H55" s="33"/>
      <c r="I55" s="33"/>
      <c r="J55" s="33"/>
      <c r="K55" s="33"/>
      <c r="L55" s="33"/>
      <c r="M55" s="33"/>
      <c r="N55" s="33"/>
      <c r="O55" s="125"/>
      <c r="P55" s="129"/>
      <c r="Q55" s="85"/>
      <c r="R55" s="127"/>
    </row>
    <row r="56" spans="1:18" ht="12" customHeight="1">
      <c r="A56" s="31"/>
      <c r="B56" s="85">
        <v>54</v>
      </c>
      <c r="C56" s="32"/>
      <c r="D56" s="33">
        <v>6759223</v>
      </c>
      <c r="E56" s="33">
        <v>6763909</v>
      </c>
      <c r="F56" s="33">
        <v>6766919</v>
      </c>
      <c r="G56" s="33">
        <v>6754758</v>
      </c>
      <c r="H56" s="33">
        <v>6795518</v>
      </c>
      <c r="I56" s="33">
        <v>6809807</v>
      </c>
      <c r="J56" s="33">
        <v>6817906</v>
      </c>
      <c r="K56" s="33">
        <v>6821002</v>
      </c>
      <c r="L56" s="33">
        <v>6826289</v>
      </c>
      <c r="M56" s="33">
        <v>6832038</v>
      </c>
      <c r="N56" s="33">
        <v>6841288</v>
      </c>
      <c r="O56" s="125">
        <v>6849053</v>
      </c>
      <c r="P56" s="126"/>
      <c r="Q56" s="85">
        <v>54</v>
      </c>
      <c r="R56" s="127"/>
    </row>
    <row r="57" spans="1:18" ht="12" customHeight="1">
      <c r="A57" s="61"/>
      <c r="B57" s="85">
        <v>53</v>
      </c>
      <c r="C57" s="32"/>
      <c r="D57" s="33">
        <v>6646694</v>
      </c>
      <c r="E57" s="33">
        <v>6651231</v>
      </c>
      <c r="F57" s="33">
        <v>6653791</v>
      </c>
      <c r="G57" s="33">
        <v>6646461</v>
      </c>
      <c r="H57" s="33">
        <v>6687921</v>
      </c>
      <c r="I57" s="33">
        <v>6702334</v>
      </c>
      <c r="J57" s="33">
        <v>6710291</v>
      </c>
      <c r="K57" s="33">
        <v>6713616</v>
      </c>
      <c r="L57" s="33">
        <v>6723585</v>
      </c>
      <c r="M57" s="33">
        <v>6730324</v>
      </c>
      <c r="N57" s="33">
        <v>6740298</v>
      </c>
      <c r="O57" s="125">
        <v>6749895</v>
      </c>
      <c r="P57" s="129"/>
      <c r="Q57" s="85">
        <v>53</v>
      </c>
      <c r="R57" s="127"/>
    </row>
    <row r="58" spans="1:18" ht="12" customHeight="1">
      <c r="A58" s="61"/>
      <c r="B58" s="85">
        <v>52</v>
      </c>
      <c r="C58" s="32"/>
      <c r="D58" s="33">
        <v>6534674</v>
      </c>
      <c r="E58" s="33">
        <v>6539615</v>
      </c>
      <c r="F58" s="33">
        <v>6543012</v>
      </c>
      <c r="G58" s="33">
        <v>6537329</v>
      </c>
      <c r="H58" s="33">
        <v>6577688</v>
      </c>
      <c r="I58" s="33">
        <v>6592199</v>
      </c>
      <c r="J58" s="33">
        <v>6600080</v>
      </c>
      <c r="K58" s="33">
        <v>6600496</v>
      </c>
      <c r="L58" s="33">
        <v>6610481</v>
      </c>
      <c r="M58" s="33">
        <v>6616844</v>
      </c>
      <c r="N58" s="33">
        <v>6626671</v>
      </c>
      <c r="O58" s="125">
        <v>6637755</v>
      </c>
      <c r="P58" s="129"/>
      <c r="Q58" s="85">
        <v>52</v>
      </c>
      <c r="R58" s="127"/>
    </row>
    <row r="59" spans="1:18" ht="12" customHeight="1">
      <c r="A59" s="61"/>
      <c r="B59" s="85">
        <v>51</v>
      </c>
      <c r="C59" s="32"/>
      <c r="D59" s="33">
        <v>6421325</v>
      </c>
      <c r="E59" s="33">
        <v>6426989</v>
      </c>
      <c r="F59" s="33">
        <v>6430847</v>
      </c>
      <c r="G59" s="33">
        <v>6427100</v>
      </c>
      <c r="H59" s="33">
        <v>6466269</v>
      </c>
      <c r="I59" s="33">
        <v>6480497</v>
      </c>
      <c r="J59" s="33">
        <v>6490356</v>
      </c>
      <c r="K59" s="33">
        <v>6491448</v>
      </c>
      <c r="L59" s="33">
        <v>6502236</v>
      </c>
      <c r="M59" s="33">
        <v>6508725</v>
      </c>
      <c r="N59" s="33">
        <v>6516042</v>
      </c>
      <c r="O59" s="125">
        <v>6526822</v>
      </c>
      <c r="P59" s="129"/>
      <c r="Q59" s="85">
        <v>51</v>
      </c>
      <c r="R59" s="127"/>
    </row>
    <row r="60" spans="1:18" ht="12" customHeight="1">
      <c r="A60" s="62"/>
      <c r="B60" s="79" t="s">
        <v>28</v>
      </c>
      <c r="C60" s="46"/>
      <c r="D60" s="47">
        <v>6295998</v>
      </c>
      <c r="E60" s="47">
        <v>6303289</v>
      </c>
      <c r="F60" s="47">
        <v>6307709</v>
      </c>
      <c r="G60" s="47">
        <v>6301070</v>
      </c>
      <c r="H60" s="47">
        <v>6347258</v>
      </c>
      <c r="I60" s="47">
        <v>6364055</v>
      </c>
      <c r="J60" s="47">
        <v>6375537</v>
      </c>
      <c r="K60" s="47">
        <v>6381352</v>
      </c>
      <c r="L60" s="47">
        <v>6389051</v>
      </c>
      <c r="M60" s="47">
        <v>6397748</v>
      </c>
      <c r="N60" s="47">
        <v>6404969</v>
      </c>
      <c r="O60" s="122">
        <v>6413620</v>
      </c>
      <c r="P60" s="132"/>
      <c r="Q60" s="79" t="s">
        <v>28</v>
      </c>
      <c r="R60" s="124"/>
    </row>
    <row r="61" spans="1:18" ht="6.75" customHeight="1">
      <c r="A61" s="61"/>
      <c r="B61" s="85"/>
      <c r="C61" s="32"/>
      <c r="D61" s="33"/>
      <c r="E61" s="33"/>
      <c r="F61" s="33"/>
      <c r="G61" s="33"/>
      <c r="H61" s="33"/>
      <c r="I61" s="33"/>
      <c r="J61" s="33"/>
      <c r="K61" s="33"/>
      <c r="L61" s="33"/>
      <c r="M61" s="33"/>
      <c r="N61" s="33"/>
      <c r="O61" s="125"/>
      <c r="P61" s="129"/>
      <c r="Q61" s="85"/>
      <c r="R61" s="127"/>
    </row>
    <row r="62" spans="1:18" ht="12" customHeight="1">
      <c r="A62" s="31"/>
      <c r="B62" s="85">
        <v>49</v>
      </c>
      <c r="C62" s="32"/>
      <c r="D62" s="33">
        <v>6138096</v>
      </c>
      <c r="E62" s="33">
        <v>6146991</v>
      </c>
      <c r="F62" s="33">
        <v>6153341</v>
      </c>
      <c r="G62" s="33">
        <v>6149373</v>
      </c>
      <c r="H62" s="33">
        <v>6200941</v>
      </c>
      <c r="I62" s="33">
        <v>6220024</v>
      </c>
      <c r="J62" s="33">
        <v>6233817</v>
      </c>
      <c r="K62" s="33">
        <v>6240472</v>
      </c>
      <c r="L62" s="33">
        <v>6251004</v>
      </c>
      <c r="M62" s="33">
        <v>6260996</v>
      </c>
      <c r="N62" s="33">
        <v>6272756</v>
      </c>
      <c r="O62" s="125">
        <v>6284106</v>
      </c>
      <c r="P62" s="126"/>
      <c r="Q62" s="85">
        <v>49</v>
      </c>
      <c r="R62" s="127"/>
    </row>
    <row r="63" spans="1:18" ht="12" customHeight="1">
      <c r="A63" s="61"/>
      <c r="B63" s="85">
        <v>48</v>
      </c>
      <c r="C63" s="32"/>
      <c r="D63" s="33">
        <v>5958190</v>
      </c>
      <c r="E63" s="33">
        <v>5968472</v>
      </c>
      <c r="F63" s="33">
        <v>5975871</v>
      </c>
      <c r="G63" s="33">
        <v>5978797</v>
      </c>
      <c r="H63" s="33">
        <v>6030418</v>
      </c>
      <c r="I63" s="33">
        <v>6052726</v>
      </c>
      <c r="J63" s="33">
        <v>6065589</v>
      </c>
      <c r="K63" s="33">
        <v>6073201</v>
      </c>
      <c r="L63" s="33">
        <v>6086977</v>
      </c>
      <c r="M63" s="33">
        <v>6097403</v>
      </c>
      <c r="N63" s="33">
        <v>6110991</v>
      </c>
      <c r="O63" s="125">
        <v>6127010</v>
      </c>
      <c r="P63" s="129"/>
      <c r="Q63" s="85">
        <v>48</v>
      </c>
      <c r="R63" s="127"/>
    </row>
    <row r="64" spans="1:18" ht="12" customHeight="1">
      <c r="A64" s="61"/>
      <c r="B64" s="85">
        <v>47</v>
      </c>
      <c r="C64" s="32"/>
      <c r="D64" s="33">
        <v>5758256</v>
      </c>
      <c r="E64" s="33">
        <v>5769765</v>
      </c>
      <c r="F64" s="33">
        <v>5779574</v>
      </c>
      <c r="G64" s="33">
        <v>5790070</v>
      </c>
      <c r="H64" s="33">
        <v>5841764</v>
      </c>
      <c r="I64" s="33">
        <v>5866778</v>
      </c>
      <c r="J64" s="33">
        <v>5882354</v>
      </c>
      <c r="K64" s="33">
        <v>5890181</v>
      </c>
      <c r="L64" s="33">
        <v>5903987</v>
      </c>
      <c r="M64" s="33">
        <v>5914816</v>
      </c>
      <c r="N64" s="33">
        <v>5929202</v>
      </c>
      <c r="O64" s="125">
        <v>5944440</v>
      </c>
      <c r="P64" s="129"/>
      <c r="Q64" s="85">
        <v>47</v>
      </c>
      <c r="R64" s="127"/>
    </row>
    <row r="65" spans="1:18" ht="12" customHeight="1">
      <c r="A65" s="61"/>
      <c r="B65" s="85">
        <v>46</v>
      </c>
      <c r="C65" s="32"/>
      <c r="D65" s="33">
        <v>5524380</v>
      </c>
      <c r="E65" s="33">
        <v>5537107</v>
      </c>
      <c r="F65" s="33">
        <v>5548711</v>
      </c>
      <c r="G65" s="33">
        <v>5564533</v>
      </c>
      <c r="H65" s="33">
        <v>5624503</v>
      </c>
      <c r="I65" s="33">
        <v>5652525</v>
      </c>
      <c r="J65" s="33">
        <v>5669805</v>
      </c>
      <c r="K65" s="33">
        <v>5680084</v>
      </c>
      <c r="L65" s="33">
        <v>5693642</v>
      </c>
      <c r="M65" s="33">
        <v>5707513</v>
      </c>
      <c r="N65" s="33">
        <v>5720586</v>
      </c>
      <c r="O65" s="125">
        <v>5742024</v>
      </c>
      <c r="P65" s="129"/>
      <c r="Q65" s="85">
        <v>46</v>
      </c>
      <c r="R65" s="127"/>
    </row>
    <row r="66" spans="1:18" ht="12" customHeight="1">
      <c r="A66" s="62"/>
      <c r="B66" s="79" t="s">
        <v>29</v>
      </c>
      <c r="C66" s="46"/>
      <c r="D66" s="47">
        <v>5292904</v>
      </c>
      <c r="E66" s="47">
        <v>5303245</v>
      </c>
      <c r="F66" s="47">
        <v>5312983</v>
      </c>
      <c r="G66" s="47">
        <v>5327548</v>
      </c>
      <c r="H66" s="47">
        <v>5384824</v>
      </c>
      <c r="I66" s="47">
        <v>5414927</v>
      </c>
      <c r="J66" s="47">
        <v>5436748</v>
      </c>
      <c r="K66" s="47">
        <v>5444605</v>
      </c>
      <c r="L66" s="47">
        <v>5457248</v>
      </c>
      <c r="M66" s="47">
        <v>5472247</v>
      </c>
      <c r="N66" s="47">
        <v>5487041</v>
      </c>
      <c r="O66" s="122">
        <v>5506627</v>
      </c>
      <c r="P66" s="132"/>
      <c r="Q66" s="79" t="s">
        <v>29</v>
      </c>
      <c r="R66" s="124"/>
    </row>
    <row r="67" spans="1:18" ht="6.75" customHeight="1">
      <c r="A67" s="61"/>
      <c r="B67" s="85"/>
      <c r="C67" s="32"/>
      <c r="D67" s="33"/>
      <c r="E67" s="33"/>
      <c r="F67" s="33"/>
      <c r="G67" s="33"/>
      <c r="H67" s="33"/>
      <c r="I67" s="33"/>
      <c r="J67" s="33"/>
      <c r="K67" s="33"/>
      <c r="L67" s="33"/>
      <c r="M67" s="33"/>
      <c r="N67" s="33"/>
      <c r="O67" s="125"/>
      <c r="P67" s="129"/>
      <c r="Q67" s="85"/>
      <c r="R67" s="127"/>
    </row>
    <row r="68" spans="1:18" ht="12" customHeight="1">
      <c r="A68" s="31"/>
      <c r="B68" s="85">
        <v>44</v>
      </c>
      <c r="C68" s="32"/>
      <c r="D68" s="33">
        <v>5073378</v>
      </c>
      <c r="E68" s="33">
        <v>5085370</v>
      </c>
      <c r="F68" s="33">
        <v>5093963</v>
      </c>
      <c r="G68" s="33">
        <v>5107882</v>
      </c>
      <c r="H68" s="33">
        <v>5165170</v>
      </c>
      <c r="I68" s="33">
        <v>5190525</v>
      </c>
      <c r="J68" s="33">
        <v>5208370</v>
      </c>
      <c r="K68" s="33">
        <v>5220363</v>
      </c>
      <c r="L68" s="33">
        <v>5233380</v>
      </c>
      <c r="M68" s="33">
        <v>5248414</v>
      </c>
      <c r="N68" s="33">
        <v>5260886</v>
      </c>
      <c r="O68" s="125">
        <v>5276912</v>
      </c>
      <c r="P68" s="126"/>
      <c r="Q68" s="85">
        <v>44</v>
      </c>
      <c r="R68" s="127"/>
    </row>
    <row r="69" spans="1:18" ht="12" customHeight="1">
      <c r="A69" s="61"/>
      <c r="B69" s="85">
        <v>43</v>
      </c>
      <c r="C69" s="32"/>
      <c r="D69" s="33">
        <v>4845739</v>
      </c>
      <c r="E69" s="33">
        <v>4857499</v>
      </c>
      <c r="F69" s="33">
        <v>4864442</v>
      </c>
      <c r="G69" s="33">
        <v>4883622</v>
      </c>
      <c r="H69" s="33">
        <v>4942289</v>
      </c>
      <c r="I69" s="33">
        <v>4967241</v>
      </c>
      <c r="J69" s="33">
        <v>4980804</v>
      </c>
      <c r="K69" s="33">
        <v>4996505</v>
      </c>
      <c r="L69" s="33">
        <v>5008877</v>
      </c>
      <c r="M69" s="33">
        <v>5028115</v>
      </c>
      <c r="N69" s="33">
        <v>5042814</v>
      </c>
      <c r="O69" s="125">
        <v>5058861</v>
      </c>
      <c r="P69" s="129"/>
      <c r="Q69" s="85">
        <v>43</v>
      </c>
      <c r="R69" s="127"/>
    </row>
    <row r="70" spans="1:18" ht="12" customHeight="1">
      <c r="A70" s="61"/>
      <c r="B70" s="85">
        <v>42</v>
      </c>
      <c r="C70" s="32"/>
      <c r="D70" s="33">
        <v>4638525</v>
      </c>
      <c r="E70" s="33">
        <v>4650640</v>
      </c>
      <c r="F70" s="33">
        <v>4659590</v>
      </c>
      <c r="G70" s="33">
        <v>4685561</v>
      </c>
      <c r="H70" s="33">
        <v>4734238</v>
      </c>
      <c r="I70" s="33">
        <v>4756090</v>
      </c>
      <c r="J70" s="33">
        <v>4768567</v>
      </c>
      <c r="K70" s="33">
        <v>4778366</v>
      </c>
      <c r="L70" s="33">
        <v>4791962</v>
      </c>
      <c r="M70" s="33">
        <v>4802740</v>
      </c>
      <c r="N70" s="33">
        <v>4817895</v>
      </c>
      <c r="O70" s="125">
        <v>4832745</v>
      </c>
      <c r="P70" s="129"/>
      <c r="Q70" s="85">
        <v>42</v>
      </c>
      <c r="R70" s="127"/>
    </row>
    <row r="71" spans="1:18" ht="12" customHeight="1">
      <c r="A71" s="31"/>
      <c r="B71" s="85">
        <v>41</v>
      </c>
      <c r="C71" s="32"/>
      <c r="D71" s="33">
        <v>4474335</v>
      </c>
      <c r="E71" s="33">
        <v>4483835</v>
      </c>
      <c r="F71" s="33">
        <v>4491447</v>
      </c>
      <c r="G71" s="33">
        <v>4509251</v>
      </c>
      <c r="H71" s="33">
        <v>4546819</v>
      </c>
      <c r="I71" s="33">
        <v>4563410</v>
      </c>
      <c r="J71" s="33">
        <v>4571978</v>
      </c>
      <c r="K71" s="33">
        <v>4579412</v>
      </c>
      <c r="L71" s="33">
        <v>4588743</v>
      </c>
      <c r="M71" s="33">
        <v>4598258</v>
      </c>
      <c r="N71" s="33">
        <v>4610217</v>
      </c>
      <c r="O71" s="125">
        <v>4624075</v>
      </c>
      <c r="P71" s="126"/>
      <c r="Q71" s="85">
        <v>41</v>
      </c>
      <c r="R71" s="127"/>
    </row>
    <row r="72" spans="1:18" ht="12" customHeight="1">
      <c r="A72" s="62"/>
      <c r="B72" s="79" t="s">
        <v>31</v>
      </c>
      <c r="C72" s="46"/>
      <c r="D72" s="47">
        <v>4254849</v>
      </c>
      <c r="E72" s="47">
        <v>4268987</v>
      </c>
      <c r="F72" s="47">
        <v>4283238</v>
      </c>
      <c r="G72" s="47">
        <v>4305520</v>
      </c>
      <c r="H72" s="47">
        <v>4352684</v>
      </c>
      <c r="I72" s="47">
        <v>4375478</v>
      </c>
      <c r="J72" s="47">
        <v>4391833</v>
      </c>
      <c r="K72" s="47">
        <v>4402687</v>
      </c>
      <c r="L72" s="47">
        <v>4416215</v>
      </c>
      <c r="M72" s="47">
        <v>4430743</v>
      </c>
      <c r="N72" s="47">
        <v>4444254</v>
      </c>
      <c r="O72" s="122">
        <v>4460612</v>
      </c>
      <c r="P72" s="132"/>
      <c r="Q72" s="79" t="s">
        <v>31</v>
      </c>
      <c r="R72" s="124"/>
    </row>
    <row r="73" spans="1:18" ht="5.0999999999999996" customHeight="1">
      <c r="A73" s="61"/>
      <c r="B73" s="85"/>
      <c r="C73" s="32"/>
      <c r="D73" s="33"/>
      <c r="E73" s="33"/>
      <c r="F73" s="33"/>
      <c r="G73" s="33"/>
      <c r="H73" s="33"/>
      <c r="I73" s="33"/>
      <c r="J73" s="33"/>
      <c r="K73" s="33"/>
      <c r="L73" s="33"/>
      <c r="M73" s="33"/>
      <c r="N73" s="33"/>
      <c r="O73" s="125"/>
      <c r="P73" s="129"/>
      <c r="Q73" s="85"/>
      <c r="R73" s="127"/>
    </row>
    <row r="74" spans="1:18" ht="12" customHeight="1">
      <c r="A74" s="61"/>
      <c r="B74" s="85">
        <v>39</v>
      </c>
      <c r="C74" s="32"/>
      <c r="D74" s="33">
        <v>4023952</v>
      </c>
      <c r="E74" s="33">
        <v>4036171</v>
      </c>
      <c r="F74" s="33">
        <v>4047688</v>
      </c>
      <c r="G74" s="33">
        <v>4063907</v>
      </c>
      <c r="H74" s="33">
        <v>4105683</v>
      </c>
      <c r="I74" s="33">
        <v>4129614</v>
      </c>
      <c r="J74" s="33">
        <v>4147313</v>
      </c>
      <c r="K74" s="33">
        <v>4161375</v>
      </c>
      <c r="L74" s="33">
        <v>4178109</v>
      </c>
      <c r="M74" s="33">
        <v>4193936</v>
      </c>
      <c r="N74" s="33">
        <v>4214448</v>
      </c>
      <c r="O74" s="125">
        <v>4234788</v>
      </c>
      <c r="P74" s="129"/>
      <c r="Q74" s="85">
        <v>39</v>
      </c>
      <c r="R74" s="127"/>
    </row>
    <row r="75" spans="1:18" ht="12" customHeight="1">
      <c r="A75" s="61"/>
      <c r="B75" s="85">
        <v>38</v>
      </c>
      <c r="C75" s="32"/>
      <c r="D75" s="33">
        <v>3836417</v>
      </c>
      <c r="E75" s="33">
        <v>3848302</v>
      </c>
      <c r="F75" s="33">
        <v>3859094</v>
      </c>
      <c r="G75" s="33">
        <v>3872585</v>
      </c>
      <c r="H75" s="33">
        <v>3906184</v>
      </c>
      <c r="I75" s="33">
        <v>3928236</v>
      </c>
      <c r="J75" s="33">
        <v>3941444</v>
      </c>
      <c r="K75" s="33">
        <v>3953224</v>
      </c>
      <c r="L75" s="33">
        <v>3966523</v>
      </c>
      <c r="M75" s="33">
        <v>3978938</v>
      </c>
      <c r="N75" s="33">
        <v>3991819</v>
      </c>
      <c r="O75" s="125">
        <v>4008104</v>
      </c>
      <c r="P75" s="129"/>
      <c r="Q75" s="85">
        <v>38</v>
      </c>
      <c r="R75" s="127"/>
    </row>
    <row r="76" spans="1:18" ht="12" customHeight="1">
      <c r="A76" s="61"/>
      <c r="B76" s="85">
        <v>37</v>
      </c>
      <c r="C76" s="32"/>
      <c r="D76" s="33">
        <v>3643446</v>
      </c>
      <c r="E76" s="33">
        <v>3655364</v>
      </c>
      <c r="F76" s="33">
        <v>3666587</v>
      </c>
      <c r="G76" s="33">
        <v>3682635</v>
      </c>
      <c r="H76" s="33">
        <v>3718265</v>
      </c>
      <c r="I76" s="33">
        <v>3740213</v>
      </c>
      <c r="J76" s="33">
        <v>3754031</v>
      </c>
      <c r="K76" s="33">
        <v>3765426</v>
      </c>
      <c r="L76" s="33">
        <v>3780565</v>
      </c>
      <c r="M76" s="33">
        <v>3793052</v>
      </c>
      <c r="N76" s="33">
        <v>3807752</v>
      </c>
      <c r="O76" s="125">
        <v>3822305</v>
      </c>
      <c r="P76" s="129"/>
      <c r="Q76" s="85">
        <v>37</v>
      </c>
      <c r="R76" s="127"/>
    </row>
    <row r="77" spans="1:18" ht="12" customHeight="1">
      <c r="A77" s="61"/>
      <c r="B77" s="85">
        <v>36</v>
      </c>
      <c r="C77" s="32"/>
      <c r="D77" s="33">
        <v>3477556</v>
      </c>
      <c r="E77" s="33">
        <v>3486292</v>
      </c>
      <c r="F77" s="33">
        <v>3496003</v>
      </c>
      <c r="G77" s="33">
        <v>3507599</v>
      </c>
      <c r="H77" s="33">
        <v>3534473</v>
      </c>
      <c r="I77" s="33">
        <v>3553493</v>
      </c>
      <c r="J77" s="33">
        <v>3565963</v>
      </c>
      <c r="K77" s="33">
        <v>3577317</v>
      </c>
      <c r="L77" s="33">
        <v>3589486</v>
      </c>
      <c r="M77" s="33">
        <v>3601066</v>
      </c>
      <c r="N77" s="33">
        <v>3614513</v>
      </c>
      <c r="O77" s="125">
        <v>3628760</v>
      </c>
      <c r="P77" s="129"/>
      <c r="Q77" s="85">
        <v>36</v>
      </c>
      <c r="R77" s="127"/>
    </row>
    <row r="78" spans="1:18" ht="12" customHeight="1">
      <c r="A78" s="62"/>
      <c r="B78" s="79" t="s">
        <v>32</v>
      </c>
      <c r="C78" s="46"/>
      <c r="D78" s="47">
        <v>3332163</v>
      </c>
      <c r="E78" s="47">
        <v>3340862</v>
      </c>
      <c r="F78" s="47">
        <v>3349304</v>
      </c>
      <c r="G78" s="47">
        <v>3360346</v>
      </c>
      <c r="H78" s="47">
        <v>3383375</v>
      </c>
      <c r="I78" s="47">
        <v>3398332</v>
      </c>
      <c r="J78" s="47">
        <v>3410784</v>
      </c>
      <c r="K78" s="47">
        <v>3419991</v>
      </c>
      <c r="L78" s="47">
        <v>3430860</v>
      </c>
      <c r="M78" s="47">
        <v>3443176</v>
      </c>
      <c r="N78" s="47">
        <v>3454651</v>
      </c>
      <c r="O78" s="122">
        <v>3466436</v>
      </c>
      <c r="P78" s="132"/>
      <c r="Q78" s="79" t="s">
        <v>32</v>
      </c>
      <c r="R78" s="124"/>
    </row>
    <row r="79" spans="1:18" ht="5.0999999999999996" customHeight="1">
      <c r="A79" s="61"/>
      <c r="B79" s="85"/>
      <c r="C79" s="32"/>
      <c r="D79" s="33"/>
      <c r="E79" s="33"/>
      <c r="F79" s="33"/>
      <c r="G79" s="33"/>
      <c r="H79" s="33"/>
      <c r="I79" s="33"/>
      <c r="J79" s="33"/>
      <c r="K79" s="33"/>
      <c r="L79" s="33"/>
      <c r="M79" s="33"/>
      <c r="N79" s="33"/>
      <c r="O79" s="125"/>
      <c r="P79" s="129"/>
      <c r="Q79" s="85"/>
      <c r="R79" s="127"/>
    </row>
    <row r="80" spans="1:18" ht="12" customHeight="1">
      <c r="A80" s="61"/>
      <c r="B80" s="85">
        <v>34</v>
      </c>
      <c r="C80" s="32"/>
      <c r="D80" s="33">
        <v>3208381</v>
      </c>
      <c r="E80" s="33">
        <v>3216066</v>
      </c>
      <c r="F80" s="33">
        <v>3224445</v>
      </c>
      <c r="G80" s="33">
        <v>3232590</v>
      </c>
      <c r="H80" s="33">
        <v>3252513</v>
      </c>
      <c r="I80" s="33">
        <v>3266238</v>
      </c>
      <c r="J80" s="33">
        <v>3276557</v>
      </c>
      <c r="K80" s="33">
        <v>3286792</v>
      </c>
      <c r="L80" s="33">
        <v>3294432</v>
      </c>
      <c r="M80" s="33">
        <v>3303049</v>
      </c>
      <c r="N80" s="33">
        <v>3312695</v>
      </c>
      <c r="O80" s="125">
        <v>3321599</v>
      </c>
      <c r="P80" s="129"/>
      <c r="Q80" s="85">
        <v>34</v>
      </c>
      <c r="R80" s="127"/>
    </row>
    <row r="81" spans="1:18" ht="12" customHeight="1">
      <c r="A81" s="61"/>
      <c r="B81" s="85" t="s">
        <v>89</v>
      </c>
      <c r="C81" s="32"/>
      <c r="D81" s="33">
        <v>3099197</v>
      </c>
      <c r="E81" s="33">
        <v>3106425</v>
      </c>
      <c r="F81" s="33">
        <v>3111630</v>
      </c>
      <c r="G81" s="33">
        <v>3119188</v>
      </c>
      <c r="H81" s="33">
        <v>3137934</v>
      </c>
      <c r="I81" s="33">
        <v>3149205</v>
      </c>
      <c r="J81" s="33">
        <v>3158177</v>
      </c>
      <c r="K81" s="33">
        <v>3167001</v>
      </c>
      <c r="L81" s="33">
        <v>3173404</v>
      </c>
      <c r="M81" s="33">
        <v>3180882</v>
      </c>
      <c r="N81" s="33">
        <v>3189288</v>
      </c>
      <c r="O81" s="125">
        <v>3197660</v>
      </c>
      <c r="P81" s="129"/>
      <c r="Q81" s="85" t="s">
        <v>89</v>
      </c>
      <c r="R81" s="127"/>
    </row>
    <row r="82" spans="1:18" ht="6.75" customHeight="1" thickBot="1">
      <c r="A82" s="102"/>
      <c r="B82" s="103"/>
      <c r="C82" s="52"/>
      <c r="D82" s="89"/>
      <c r="E82" s="89"/>
      <c r="F82" s="89"/>
      <c r="G82" s="89"/>
      <c r="H82" s="89"/>
      <c r="I82" s="89"/>
      <c r="J82" s="89"/>
      <c r="K82" s="89"/>
      <c r="L82" s="89"/>
      <c r="M82" s="89"/>
      <c r="N82" s="89"/>
      <c r="O82" s="141"/>
      <c r="P82" s="142"/>
      <c r="Q82" s="103"/>
      <c r="R82" s="143"/>
    </row>
  </sheetData>
  <mergeCells count="6">
    <mergeCell ref="D1:I1"/>
    <mergeCell ref="A2:C2"/>
    <mergeCell ref="J2:O2"/>
    <mergeCell ref="P2:R2"/>
    <mergeCell ref="A3:C3"/>
    <mergeCell ref="P3:R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7" firstPageNumber="16" orientation="portrait" useFirstPageNumber="1" r:id="rId1"/>
  <colBreaks count="1" manualBreakCount="1">
    <brk id="9" max="81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5"/>
  <sheetViews>
    <sheetView view="pageBreakPreview" zoomScaleNormal="115" zoomScaleSheetLayoutView="100" workbookViewId="0">
      <selection activeCell="N1" sqref="N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20" width="6.875" style="70" customWidth="1"/>
  </cols>
  <sheetData>
    <row r="1" spans="1:20" ht="18.75" customHeight="1">
      <c r="A1" s="201" t="s">
        <v>90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  <c r="L1" s="201"/>
      <c r="M1" s="201"/>
    </row>
    <row r="2" spans="1:20" ht="15" customHeight="1" thickBot="1">
      <c r="A2" s="202" t="s">
        <v>91</v>
      </c>
      <c r="B2" s="202"/>
      <c r="C2" s="202"/>
      <c r="K2" s="236" t="s">
        <v>56</v>
      </c>
      <c r="L2" s="236"/>
      <c r="M2" s="236"/>
    </row>
    <row r="3" spans="1:20" ht="15" customHeight="1">
      <c r="A3" s="203" t="s">
        <v>92</v>
      </c>
      <c r="B3" s="204"/>
      <c r="C3" s="204"/>
      <c r="D3" s="225" t="s">
        <v>93</v>
      </c>
      <c r="E3" s="209" t="s">
        <v>7</v>
      </c>
      <c r="F3" s="225"/>
      <c r="G3" s="225"/>
      <c r="H3" s="209" t="s">
        <v>8</v>
      </c>
      <c r="I3" s="225"/>
      <c r="J3" s="225"/>
      <c r="K3" s="209" t="s">
        <v>94</v>
      </c>
      <c r="L3" s="225"/>
      <c r="M3" s="250"/>
    </row>
    <row r="4" spans="1:20" ht="15" customHeight="1">
      <c r="A4" s="207"/>
      <c r="B4" s="208"/>
      <c r="C4" s="208"/>
      <c r="D4" s="222"/>
      <c r="E4" s="73"/>
      <c r="F4" s="74" t="s">
        <v>37</v>
      </c>
      <c r="G4" s="74" t="s">
        <v>38</v>
      </c>
      <c r="H4" s="73"/>
      <c r="I4" s="74" t="s">
        <v>39</v>
      </c>
      <c r="J4" s="74" t="s">
        <v>40</v>
      </c>
      <c r="K4" s="73"/>
      <c r="L4" s="74" t="s">
        <v>95</v>
      </c>
      <c r="M4" s="92" t="s">
        <v>8</v>
      </c>
    </row>
    <row r="5" spans="1:20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1" t="s">
        <v>11</v>
      </c>
      <c r="L5" s="11" t="s">
        <v>11</v>
      </c>
      <c r="M5" s="105" t="s">
        <v>11</v>
      </c>
    </row>
    <row r="6" spans="1:20" ht="9.75" customHeight="1">
      <c r="A6" s="246" t="s">
        <v>96</v>
      </c>
      <c r="B6" s="247"/>
      <c r="C6" s="16"/>
      <c r="D6" s="17">
        <v>-5160</v>
      </c>
      <c r="E6" s="17">
        <v>-29983</v>
      </c>
      <c r="F6" s="17">
        <v>60549</v>
      </c>
      <c r="G6" s="17">
        <v>90532</v>
      </c>
      <c r="H6" s="17">
        <v>24823</v>
      </c>
      <c r="I6" s="17">
        <v>488358</v>
      </c>
      <c r="J6" s="17">
        <v>463535</v>
      </c>
      <c r="K6" s="144">
        <v>-5.5866302842782808E-2</v>
      </c>
      <c r="L6" s="144">
        <v>-0.3246200306463482</v>
      </c>
      <c r="M6" s="145">
        <v>0.26875372780356543</v>
      </c>
    </row>
    <row r="7" spans="1:20" s="30" customFormat="1" ht="9.75" customHeight="1">
      <c r="A7" s="248" t="s">
        <v>97</v>
      </c>
      <c r="B7" s="249"/>
      <c r="C7" s="32"/>
      <c r="D7" s="146">
        <v>-3587</v>
      </c>
      <c r="E7" s="146">
        <v>-27723</v>
      </c>
      <c r="F7" s="146">
        <v>59163</v>
      </c>
      <c r="G7" s="146">
        <v>86886</v>
      </c>
      <c r="H7" s="146">
        <v>24136</v>
      </c>
      <c r="I7" s="146">
        <v>476348</v>
      </c>
      <c r="J7" s="146">
        <v>452212</v>
      </c>
      <c r="K7" s="147">
        <v>-4.0089464216101774E-2</v>
      </c>
      <c r="L7" s="147">
        <v>-0.30984115318176453</v>
      </c>
      <c r="M7" s="148">
        <v>0.26975168896566276</v>
      </c>
      <c r="N7" s="29"/>
      <c r="O7" s="29"/>
      <c r="P7" s="29"/>
      <c r="Q7" s="29"/>
      <c r="R7" s="29"/>
      <c r="S7" s="29"/>
      <c r="T7" s="29"/>
    </row>
    <row r="8" spans="1:20" s="30" customFormat="1" ht="9.75" customHeight="1">
      <c r="A8" s="248" t="s">
        <v>98</v>
      </c>
      <c r="B8" s="249"/>
      <c r="C8" s="32"/>
      <c r="D8" s="146">
        <v>-1573</v>
      </c>
      <c r="E8" s="146">
        <v>-2260</v>
      </c>
      <c r="F8" s="146">
        <v>1386</v>
      </c>
      <c r="G8" s="146">
        <v>3646</v>
      </c>
      <c r="H8" s="146">
        <v>687</v>
      </c>
      <c r="I8" s="146">
        <v>12010</v>
      </c>
      <c r="J8" s="146">
        <v>11323</v>
      </c>
      <c r="K8" s="147">
        <v>-0.54457519326707038</v>
      </c>
      <c r="L8" s="147">
        <v>-0.78241572586368657</v>
      </c>
      <c r="M8" s="148">
        <v>0.23784053259661622</v>
      </c>
      <c r="N8" s="29"/>
      <c r="O8" s="29"/>
      <c r="P8" s="29"/>
      <c r="Q8" s="29"/>
      <c r="R8" s="29"/>
      <c r="S8" s="29"/>
      <c r="T8" s="29"/>
    </row>
    <row r="9" spans="1:20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0"/>
      <c r="L9" s="150"/>
      <c r="M9" s="151"/>
    </row>
    <row r="10" spans="1:20" ht="9.75" customHeight="1">
      <c r="A10" s="242" t="s">
        <v>99</v>
      </c>
      <c r="B10" s="243"/>
      <c r="C10" s="46"/>
      <c r="D10" s="152">
        <v>-4257</v>
      </c>
      <c r="E10" s="152">
        <v>-11457</v>
      </c>
      <c r="F10" s="152">
        <v>24876</v>
      </c>
      <c r="G10" s="152">
        <v>36333</v>
      </c>
      <c r="H10" s="152">
        <v>7200</v>
      </c>
      <c r="I10" s="152">
        <v>214743</v>
      </c>
      <c r="J10" s="152">
        <v>207543</v>
      </c>
      <c r="K10" s="153">
        <v>-0.11272980912992289</v>
      </c>
      <c r="L10" s="153">
        <v>-0.30339333408539498</v>
      </c>
      <c r="M10" s="154">
        <v>0.19066352495547212</v>
      </c>
    </row>
    <row r="11" spans="1:20" ht="9.75" customHeight="1">
      <c r="A11" s="37"/>
      <c r="B11" s="82" t="s">
        <v>100</v>
      </c>
      <c r="C11" s="39"/>
      <c r="D11" s="149">
        <v>-1567</v>
      </c>
      <c r="E11" s="149">
        <v>-484</v>
      </c>
      <c r="F11" s="149">
        <v>2084</v>
      </c>
      <c r="G11" s="149">
        <v>2568</v>
      </c>
      <c r="H11" s="149">
        <v>-1083</v>
      </c>
      <c r="I11" s="149">
        <v>17100</v>
      </c>
      <c r="J11" s="149">
        <v>18183</v>
      </c>
      <c r="K11" s="150">
        <v>-0.52734841677688149</v>
      </c>
      <c r="L11" s="150">
        <v>-0.16288234442885172</v>
      </c>
      <c r="M11" s="151">
        <v>-0.36446607234802975</v>
      </c>
    </row>
    <row r="12" spans="1:20" ht="9.75" customHeight="1">
      <c r="A12" s="37"/>
      <c r="B12" s="82" t="s">
        <v>101</v>
      </c>
      <c r="C12" s="39"/>
      <c r="D12" s="149">
        <v>335</v>
      </c>
      <c r="E12" s="149">
        <v>-427</v>
      </c>
      <c r="F12" s="149">
        <v>1747</v>
      </c>
      <c r="G12" s="149">
        <v>2174</v>
      </c>
      <c r="H12" s="149">
        <v>762</v>
      </c>
      <c r="I12" s="149">
        <v>17607</v>
      </c>
      <c r="J12" s="149">
        <v>16845</v>
      </c>
      <c r="K12" s="150">
        <v>0.13556770493992529</v>
      </c>
      <c r="L12" s="150">
        <v>-0.17279823883387493</v>
      </c>
      <c r="M12" s="151">
        <v>0.30836594377380022</v>
      </c>
    </row>
    <row r="13" spans="1:20" ht="9.75" customHeight="1">
      <c r="A13" s="37"/>
      <c r="B13" s="82" t="s">
        <v>102</v>
      </c>
      <c r="C13" s="39"/>
      <c r="D13" s="149">
        <v>-278</v>
      </c>
      <c r="E13" s="149">
        <v>-134</v>
      </c>
      <c r="F13" s="149">
        <v>776</v>
      </c>
      <c r="G13" s="149">
        <v>910</v>
      </c>
      <c r="H13" s="149">
        <v>-144</v>
      </c>
      <c r="I13" s="149">
        <v>9470</v>
      </c>
      <c r="J13" s="149">
        <v>9614</v>
      </c>
      <c r="K13" s="150">
        <v>-0.26536592816028864</v>
      </c>
      <c r="L13" s="150">
        <v>-0.12791019558805281</v>
      </c>
      <c r="M13" s="151">
        <v>-0.13745573257223587</v>
      </c>
    </row>
    <row r="14" spans="1:20" ht="9.75" customHeight="1">
      <c r="A14" s="37"/>
      <c r="B14" s="82" t="s">
        <v>103</v>
      </c>
      <c r="C14" s="39"/>
      <c r="D14" s="149">
        <v>-1118</v>
      </c>
      <c r="E14" s="149">
        <v>-931</v>
      </c>
      <c r="F14" s="149">
        <v>819</v>
      </c>
      <c r="G14" s="149">
        <v>1750</v>
      </c>
      <c r="H14" s="149">
        <v>-187</v>
      </c>
      <c r="I14" s="149">
        <v>12454</v>
      </c>
      <c r="J14" s="149">
        <v>12641</v>
      </c>
      <c r="K14" s="150">
        <v>-0.73849487082945264</v>
      </c>
      <c r="L14" s="150">
        <v>-0.61497202570860499</v>
      </c>
      <c r="M14" s="151">
        <v>-0.1235228451208476</v>
      </c>
    </row>
    <row r="15" spans="1:20" ht="9.75" customHeight="1">
      <c r="A15" s="37"/>
      <c r="B15" s="82" t="s">
        <v>104</v>
      </c>
      <c r="C15" s="39"/>
      <c r="D15" s="149">
        <v>-579</v>
      </c>
      <c r="E15" s="149">
        <v>-1232</v>
      </c>
      <c r="F15" s="149">
        <v>1055</v>
      </c>
      <c r="G15" s="149">
        <v>2287</v>
      </c>
      <c r="H15" s="149">
        <v>653</v>
      </c>
      <c r="I15" s="149">
        <v>13308</v>
      </c>
      <c r="J15" s="149">
        <v>12655</v>
      </c>
      <c r="K15" s="150">
        <v>-0.29228252968257812</v>
      </c>
      <c r="L15" s="150">
        <v>-0.62192068492044261</v>
      </c>
      <c r="M15" s="151">
        <v>0.32963815523786449</v>
      </c>
    </row>
    <row r="16" spans="1:20" ht="9.75" customHeight="1">
      <c r="A16" s="37"/>
      <c r="B16" s="82" t="s">
        <v>105</v>
      </c>
      <c r="C16" s="39"/>
      <c r="D16" s="149">
        <v>123</v>
      </c>
      <c r="E16" s="149">
        <v>-864</v>
      </c>
      <c r="F16" s="149">
        <v>1342</v>
      </c>
      <c r="G16" s="149">
        <v>2206</v>
      </c>
      <c r="H16" s="149">
        <v>987</v>
      </c>
      <c r="I16" s="149">
        <v>10119</v>
      </c>
      <c r="J16" s="149">
        <v>9132</v>
      </c>
      <c r="K16" s="150">
        <v>5.7182971561931951E-2</v>
      </c>
      <c r="L16" s="150">
        <v>-0.40167550755698539</v>
      </c>
      <c r="M16" s="151">
        <v>0.45885847911891736</v>
      </c>
    </row>
    <row r="17" spans="1:13" ht="9.75" customHeight="1">
      <c r="A17" s="37"/>
      <c r="B17" s="82" t="s">
        <v>106</v>
      </c>
      <c r="C17" s="39"/>
      <c r="D17" s="149">
        <v>-1018</v>
      </c>
      <c r="E17" s="149">
        <v>-1056</v>
      </c>
      <c r="F17" s="149">
        <v>1244</v>
      </c>
      <c r="G17" s="149">
        <v>2300</v>
      </c>
      <c r="H17" s="149">
        <v>38</v>
      </c>
      <c r="I17" s="149">
        <v>11489</v>
      </c>
      <c r="J17" s="149">
        <v>11451</v>
      </c>
      <c r="K17" s="150">
        <v>-0.49025037442992742</v>
      </c>
      <c r="L17" s="150">
        <v>-0.50855048663851021</v>
      </c>
      <c r="M17" s="151">
        <v>1.8300112208582752E-2</v>
      </c>
    </row>
    <row r="18" spans="1:13" ht="9.75" customHeight="1">
      <c r="A18" s="37"/>
      <c r="B18" s="82" t="s">
        <v>107</v>
      </c>
      <c r="C18" s="39"/>
      <c r="D18" s="149">
        <v>-1441</v>
      </c>
      <c r="E18" s="149">
        <v>-1527</v>
      </c>
      <c r="F18" s="149">
        <v>1431</v>
      </c>
      <c r="G18" s="149">
        <v>2958</v>
      </c>
      <c r="H18" s="149">
        <v>86</v>
      </c>
      <c r="I18" s="149">
        <v>9784</v>
      </c>
      <c r="J18" s="149">
        <v>9698</v>
      </c>
      <c r="K18" s="150">
        <v>-0.58864379084967322</v>
      </c>
      <c r="L18" s="150">
        <v>-0.62377450980392157</v>
      </c>
      <c r="M18" s="151">
        <v>3.5130718954248366E-2</v>
      </c>
    </row>
    <row r="19" spans="1:13" ht="9.75" customHeight="1">
      <c r="A19" s="37"/>
      <c r="B19" s="82" t="s">
        <v>108</v>
      </c>
      <c r="C19" s="39"/>
      <c r="D19" s="149">
        <v>-380</v>
      </c>
      <c r="E19" s="149">
        <v>-687</v>
      </c>
      <c r="F19" s="149">
        <v>1080</v>
      </c>
      <c r="G19" s="149">
        <v>1767</v>
      </c>
      <c r="H19" s="149">
        <v>307</v>
      </c>
      <c r="I19" s="149">
        <v>9094</v>
      </c>
      <c r="J19" s="149">
        <v>8787</v>
      </c>
      <c r="K19" s="150">
        <v>-0.22803648583773406</v>
      </c>
      <c r="L19" s="150">
        <v>-0.41226596255400866</v>
      </c>
      <c r="M19" s="151">
        <v>0.1842294767162746</v>
      </c>
    </row>
    <row r="20" spans="1:13" ht="9.75" customHeight="1">
      <c r="A20" s="37"/>
      <c r="B20" s="82" t="s">
        <v>109</v>
      </c>
      <c r="C20" s="39"/>
      <c r="D20" s="149">
        <v>-950</v>
      </c>
      <c r="E20" s="149">
        <v>-1079</v>
      </c>
      <c r="F20" s="149">
        <v>964</v>
      </c>
      <c r="G20" s="149">
        <v>2043</v>
      </c>
      <c r="H20" s="149">
        <v>129</v>
      </c>
      <c r="I20" s="149">
        <v>9073</v>
      </c>
      <c r="J20" s="149">
        <v>8944</v>
      </c>
      <c r="K20" s="150">
        <v>-0.47835807367721406</v>
      </c>
      <c r="L20" s="150">
        <v>-0.54331406473443578</v>
      </c>
      <c r="M20" s="151">
        <v>6.4955991057221704E-2</v>
      </c>
    </row>
    <row r="21" spans="1:13" ht="9.75" customHeight="1">
      <c r="A21" s="37"/>
      <c r="B21" s="82" t="s">
        <v>110</v>
      </c>
      <c r="C21" s="39"/>
      <c r="D21" s="149">
        <v>994</v>
      </c>
      <c r="E21" s="149">
        <v>329</v>
      </c>
      <c r="F21" s="149">
        <v>3036</v>
      </c>
      <c r="G21" s="149">
        <v>2707</v>
      </c>
      <c r="H21" s="149">
        <v>665</v>
      </c>
      <c r="I21" s="149">
        <v>24007</v>
      </c>
      <c r="J21" s="149">
        <v>23342</v>
      </c>
      <c r="K21" s="150">
        <v>0.27724550731186215</v>
      </c>
      <c r="L21" s="150">
        <v>9.1764358053926201E-2</v>
      </c>
      <c r="M21" s="151">
        <v>0.18548114925793596</v>
      </c>
    </row>
    <row r="22" spans="1:13" ht="9.75" customHeight="1">
      <c r="A22" s="37"/>
      <c r="B22" s="82" t="s">
        <v>111</v>
      </c>
      <c r="C22" s="39"/>
      <c r="D22" s="149">
        <v>-106</v>
      </c>
      <c r="E22" s="149">
        <v>-451</v>
      </c>
      <c r="F22" s="149">
        <v>1283</v>
      </c>
      <c r="G22" s="149">
        <v>1734</v>
      </c>
      <c r="H22" s="149">
        <v>345</v>
      </c>
      <c r="I22" s="149">
        <v>9647</v>
      </c>
      <c r="J22" s="149">
        <v>9302</v>
      </c>
      <c r="K22" s="150">
        <v>-5.7819863850584741E-2</v>
      </c>
      <c r="L22" s="150">
        <v>-0.24600715657182753</v>
      </c>
      <c r="M22" s="151">
        <v>0.18818729272124279</v>
      </c>
    </row>
    <row r="23" spans="1:13" ht="9.75" customHeight="1">
      <c r="A23" s="37"/>
      <c r="B23" s="82" t="s">
        <v>112</v>
      </c>
      <c r="C23" s="39"/>
      <c r="D23" s="149">
        <v>137</v>
      </c>
      <c r="E23" s="149">
        <v>-472</v>
      </c>
      <c r="F23" s="149">
        <v>1989</v>
      </c>
      <c r="G23" s="149">
        <v>2461</v>
      </c>
      <c r="H23" s="149">
        <v>609</v>
      </c>
      <c r="I23" s="149">
        <v>17549</v>
      </c>
      <c r="J23" s="149">
        <v>16940</v>
      </c>
      <c r="K23" s="150">
        <v>4.4050172181512429E-2</v>
      </c>
      <c r="L23" s="150">
        <v>-0.15176409685893336</v>
      </c>
      <c r="M23" s="151">
        <v>0.1958142690404458</v>
      </c>
    </row>
    <row r="24" spans="1:13" ht="9.75" customHeight="1">
      <c r="A24" s="37"/>
      <c r="B24" s="82" t="s">
        <v>113</v>
      </c>
      <c r="C24" s="39"/>
      <c r="D24" s="149">
        <v>1489</v>
      </c>
      <c r="E24" s="149">
        <v>128</v>
      </c>
      <c r="F24" s="149">
        <v>1513</v>
      </c>
      <c r="G24" s="149">
        <v>1385</v>
      </c>
      <c r="H24" s="149">
        <v>1361</v>
      </c>
      <c r="I24" s="149">
        <v>12647</v>
      </c>
      <c r="J24" s="149">
        <v>11286</v>
      </c>
      <c r="K24" s="150">
        <v>0.69774416359734204</v>
      </c>
      <c r="L24" s="150">
        <v>5.9980693714210734E-2</v>
      </c>
      <c r="M24" s="151">
        <v>0.63776346988313137</v>
      </c>
    </row>
    <row r="25" spans="1:13" ht="9.75" customHeight="1">
      <c r="A25" s="37"/>
      <c r="B25" s="82" t="s">
        <v>114</v>
      </c>
      <c r="C25" s="39"/>
      <c r="D25" s="149">
        <v>220</v>
      </c>
      <c r="E25" s="149">
        <v>-617</v>
      </c>
      <c r="F25" s="149">
        <v>2075</v>
      </c>
      <c r="G25" s="149">
        <v>2692</v>
      </c>
      <c r="H25" s="149">
        <v>837</v>
      </c>
      <c r="I25" s="149">
        <v>13089</v>
      </c>
      <c r="J25" s="149">
        <v>12252</v>
      </c>
      <c r="K25" s="150">
        <v>7.7501902319420571E-2</v>
      </c>
      <c r="L25" s="150">
        <v>-0.21735760786855676</v>
      </c>
      <c r="M25" s="151">
        <v>0.29485951018797735</v>
      </c>
    </row>
    <row r="26" spans="1:13" ht="9.75" customHeight="1">
      <c r="A26" s="37"/>
      <c r="B26" s="82" t="s">
        <v>115</v>
      </c>
      <c r="C26" s="39"/>
      <c r="D26" s="149">
        <v>562</v>
      </c>
      <c r="E26" s="149">
        <v>-506</v>
      </c>
      <c r="F26" s="149">
        <v>763</v>
      </c>
      <c r="G26" s="149">
        <v>1269</v>
      </c>
      <c r="H26" s="149">
        <v>1068</v>
      </c>
      <c r="I26" s="149">
        <v>6379</v>
      </c>
      <c r="J26" s="149">
        <v>5311</v>
      </c>
      <c r="K26" s="150">
        <v>0.46813437622343834</v>
      </c>
      <c r="L26" s="150">
        <v>-0.42148753446451925</v>
      </c>
      <c r="M26" s="151">
        <v>0.88962191068795771</v>
      </c>
    </row>
    <row r="27" spans="1:13" ht="9.75" customHeight="1">
      <c r="A27" s="37"/>
      <c r="B27" s="82" t="s">
        <v>116</v>
      </c>
      <c r="C27" s="39"/>
      <c r="D27" s="149">
        <v>-252</v>
      </c>
      <c r="E27" s="149">
        <v>-692</v>
      </c>
      <c r="F27" s="149">
        <v>965</v>
      </c>
      <c r="G27" s="149">
        <v>1657</v>
      </c>
      <c r="H27" s="149">
        <v>440</v>
      </c>
      <c r="I27" s="149">
        <v>6513</v>
      </c>
      <c r="J27" s="149">
        <v>6073</v>
      </c>
      <c r="K27" s="150">
        <v>-0.1654205423430638</v>
      </c>
      <c r="L27" s="150">
        <v>-0.45425006071984197</v>
      </c>
      <c r="M27" s="151">
        <v>0.28882951837677806</v>
      </c>
    </row>
    <row r="28" spans="1:13" ht="9.75" customHeight="1">
      <c r="A28" s="37"/>
      <c r="B28" s="82" t="s">
        <v>117</v>
      </c>
      <c r="C28" s="39"/>
      <c r="D28" s="149">
        <v>-428</v>
      </c>
      <c r="E28" s="149">
        <v>-755</v>
      </c>
      <c r="F28" s="149">
        <v>710</v>
      </c>
      <c r="G28" s="149">
        <v>1465</v>
      </c>
      <c r="H28" s="149">
        <v>327</v>
      </c>
      <c r="I28" s="149">
        <v>5414</v>
      </c>
      <c r="J28" s="149">
        <v>5087</v>
      </c>
      <c r="K28" s="150">
        <v>-0.34944480731548005</v>
      </c>
      <c r="L28" s="150">
        <v>-0.61642717178314821</v>
      </c>
      <c r="M28" s="151">
        <v>0.26698236446766821</v>
      </c>
    </row>
    <row r="29" spans="1:13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0"/>
      <c r="L29" s="150"/>
      <c r="M29" s="151"/>
    </row>
    <row r="30" spans="1:13" ht="9.75" customHeight="1">
      <c r="A30" s="242" t="s">
        <v>118</v>
      </c>
      <c r="B30" s="243"/>
      <c r="C30" s="46"/>
      <c r="D30" s="152">
        <v>692</v>
      </c>
      <c r="E30" s="152">
        <v>-156</v>
      </c>
      <c r="F30" s="152">
        <v>12279</v>
      </c>
      <c r="G30" s="152">
        <v>12435</v>
      </c>
      <c r="H30" s="152">
        <v>848</v>
      </c>
      <c r="I30" s="152">
        <v>102481</v>
      </c>
      <c r="J30" s="152">
        <v>101633</v>
      </c>
      <c r="K30" s="153">
        <v>4.4989607530688182E-2</v>
      </c>
      <c r="L30" s="153">
        <v>-1.0142165859519301E-2</v>
      </c>
      <c r="M30" s="154">
        <v>5.5131773390207479E-2</v>
      </c>
    </row>
    <row r="31" spans="1:13" ht="9.75" customHeight="1">
      <c r="A31" s="37"/>
      <c r="B31" s="82" t="s">
        <v>119</v>
      </c>
      <c r="C31" s="39"/>
      <c r="D31" s="149">
        <v>-1917</v>
      </c>
      <c r="E31" s="149">
        <v>-1045</v>
      </c>
      <c r="F31" s="149">
        <v>1555</v>
      </c>
      <c r="G31" s="149">
        <v>2600</v>
      </c>
      <c r="H31" s="149">
        <v>-872</v>
      </c>
      <c r="I31" s="149">
        <v>14603</v>
      </c>
      <c r="J31" s="149">
        <v>15475</v>
      </c>
      <c r="K31" s="150">
        <v>-0.82462253193960511</v>
      </c>
      <c r="L31" s="150">
        <v>-0.44952036821955521</v>
      </c>
      <c r="M31" s="151">
        <v>-0.3751021637200499</v>
      </c>
    </row>
    <row r="32" spans="1:13" ht="9.75" customHeight="1">
      <c r="A32" s="37"/>
      <c r="B32" s="82" t="s">
        <v>120</v>
      </c>
      <c r="C32" s="39"/>
      <c r="D32" s="149">
        <v>136</v>
      </c>
      <c r="E32" s="149">
        <v>23</v>
      </c>
      <c r="F32" s="149">
        <v>1547</v>
      </c>
      <c r="G32" s="149">
        <v>1524</v>
      </c>
      <c r="H32" s="149">
        <v>113</v>
      </c>
      <c r="I32" s="149">
        <v>10638</v>
      </c>
      <c r="J32" s="149">
        <v>10525</v>
      </c>
      <c r="K32" s="150">
        <v>7.9468960359012714E-2</v>
      </c>
      <c r="L32" s="150">
        <v>1.343960359012715E-2</v>
      </c>
      <c r="M32" s="151">
        <v>6.6029356768885564E-2</v>
      </c>
    </row>
    <row r="33" spans="1:13" ht="9.75" customHeight="1">
      <c r="A33" s="37"/>
      <c r="B33" s="82" t="s">
        <v>121</v>
      </c>
      <c r="C33" s="39"/>
      <c r="D33" s="149">
        <v>297</v>
      </c>
      <c r="E33" s="149">
        <v>890</v>
      </c>
      <c r="F33" s="149">
        <v>2579</v>
      </c>
      <c r="G33" s="149">
        <v>1689</v>
      </c>
      <c r="H33" s="149">
        <v>-593</v>
      </c>
      <c r="I33" s="149">
        <v>21013</v>
      </c>
      <c r="J33" s="149">
        <v>21606</v>
      </c>
      <c r="K33" s="150">
        <v>0.11253538044157822</v>
      </c>
      <c r="L33" s="150">
        <v>0.33722723431988089</v>
      </c>
      <c r="M33" s="151">
        <v>-0.22469185387830265</v>
      </c>
    </row>
    <row r="34" spans="1:13" ht="9.75" customHeight="1">
      <c r="A34" s="37"/>
      <c r="B34" s="82" t="s">
        <v>122</v>
      </c>
      <c r="C34" s="39"/>
      <c r="D34" s="149">
        <v>229</v>
      </c>
      <c r="E34" s="149">
        <v>167</v>
      </c>
      <c r="F34" s="149">
        <v>1899</v>
      </c>
      <c r="G34" s="149">
        <v>1732</v>
      </c>
      <c r="H34" s="149">
        <v>62</v>
      </c>
      <c r="I34" s="149">
        <v>16284</v>
      </c>
      <c r="J34" s="149">
        <v>16222</v>
      </c>
      <c r="K34" s="150">
        <v>9.7759222024427009E-2</v>
      </c>
      <c r="L34" s="150">
        <v>7.1291659729603968E-2</v>
      </c>
      <c r="M34" s="151">
        <v>2.6467562294823031E-2</v>
      </c>
    </row>
    <row r="35" spans="1:13" ht="9.75" customHeight="1">
      <c r="A35" s="37"/>
      <c r="B35" s="82" t="s">
        <v>123</v>
      </c>
      <c r="C35" s="39"/>
      <c r="D35" s="149">
        <v>612</v>
      </c>
      <c r="E35" s="149">
        <v>-39</v>
      </c>
      <c r="F35" s="149">
        <v>1740</v>
      </c>
      <c r="G35" s="149">
        <v>1779</v>
      </c>
      <c r="H35" s="149">
        <v>651</v>
      </c>
      <c r="I35" s="149">
        <v>13772</v>
      </c>
      <c r="J35" s="149">
        <v>13121</v>
      </c>
      <c r="K35" s="150">
        <v>0.26178234423522767</v>
      </c>
      <c r="L35" s="150">
        <v>-1.6682208211068431E-2</v>
      </c>
      <c r="M35" s="151">
        <v>0.27846455244629614</v>
      </c>
    </row>
    <row r="36" spans="1:13" ht="9.75" customHeight="1">
      <c r="A36" s="37"/>
      <c r="B36" s="82" t="s">
        <v>124</v>
      </c>
      <c r="C36" s="39"/>
      <c r="D36" s="149">
        <v>1366</v>
      </c>
      <c r="E36" s="149">
        <v>95</v>
      </c>
      <c r="F36" s="149">
        <v>1751</v>
      </c>
      <c r="G36" s="149">
        <v>1656</v>
      </c>
      <c r="H36" s="149">
        <v>1271</v>
      </c>
      <c r="I36" s="149">
        <v>16361</v>
      </c>
      <c r="J36" s="149">
        <v>15090</v>
      </c>
      <c r="K36" s="150">
        <v>0.61608681141248955</v>
      </c>
      <c r="L36" s="150">
        <v>4.2846447352991583E-2</v>
      </c>
      <c r="M36" s="151">
        <v>0.57324036405949796</v>
      </c>
    </row>
    <row r="37" spans="1:13" ht="9.75" customHeight="1">
      <c r="A37" s="37"/>
      <c r="B37" s="82" t="s">
        <v>125</v>
      </c>
      <c r="C37" s="39"/>
      <c r="D37" s="149">
        <v>-31</v>
      </c>
      <c r="E37" s="149">
        <v>-247</v>
      </c>
      <c r="F37" s="149">
        <v>1208</v>
      </c>
      <c r="G37" s="149">
        <v>1455</v>
      </c>
      <c r="H37" s="149">
        <v>216</v>
      </c>
      <c r="I37" s="149">
        <v>9810</v>
      </c>
      <c r="J37" s="149">
        <v>9594</v>
      </c>
      <c r="K37" s="150">
        <v>-1.7140613855145224E-2</v>
      </c>
      <c r="L37" s="150">
        <v>-0.13657198781357646</v>
      </c>
      <c r="M37" s="151">
        <v>0.11943137395843124</v>
      </c>
    </row>
    <row r="38" spans="1:13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0"/>
      <c r="L38" s="150"/>
      <c r="M38" s="151"/>
    </row>
    <row r="39" spans="1:13" ht="9.75" customHeight="1">
      <c r="A39" s="242" t="s">
        <v>126</v>
      </c>
      <c r="B39" s="243"/>
      <c r="C39" s="46"/>
      <c r="D39" s="152">
        <v>511</v>
      </c>
      <c r="E39" s="152">
        <v>-2581</v>
      </c>
      <c r="F39" s="152">
        <v>4545</v>
      </c>
      <c r="G39" s="152">
        <v>7126</v>
      </c>
      <c r="H39" s="152">
        <v>3092</v>
      </c>
      <c r="I39" s="152">
        <v>34124</v>
      </c>
      <c r="J39" s="152">
        <v>31032</v>
      </c>
      <c r="K39" s="153">
        <v>7.0432824177066186E-2</v>
      </c>
      <c r="L39" s="153">
        <v>-0.35574778708612104</v>
      </c>
      <c r="M39" s="154">
        <v>0.42618061126318718</v>
      </c>
    </row>
    <row r="40" spans="1:13" ht="9.75" customHeight="1">
      <c r="A40" s="37"/>
      <c r="B40" s="82" t="s">
        <v>111</v>
      </c>
      <c r="C40" s="39"/>
      <c r="D40" s="149">
        <v>-558</v>
      </c>
      <c r="E40" s="149">
        <v>-808</v>
      </c>
      <c r="F40" s="149">
        <v>960</v>
      </c>
      <c r="G40" s="149">
        <v>1768</v>
      </c>
      <c r="H40" s="149">
        <v>250</v>
      </c>
      <c r="I40" s="149">
        <v>7108</v>
      </c>
      <c r="J40" s="149">
        <v>6858</v>
      </c>
      <c r="K40" s="150">
        <v>-0.32819861309618337</v>
      </c>
      <c r="L40" s="150">
        <v>-0.47524100247619383</v>
      </c>
      <c r="M40" s="151">
        <v>0.14704238938001046</v>
      </c>
    </row>
    <row r="41" spans="1:13" ht="9.75" customHeight="1">
      <c r="A41" s="37"/>
      <c r="B41" s="82" t="s">
        <v>127</v>
      </c>
      <c r="C41" s="39"/>
      <c r="D41" s="149">
        <v>78</v>
      </c>
      <c r="E41" s="149">
        <v>-949</v>
      </c>
      <c r="F41" s="149">
        <v>1704</v>
      </c>
      <c r="G41" s="149">
        <v>2653</v>
      </c>
      <c r="H41" s="149">
        <v>1027</v>
      </c>
      <c r="I41" s="149">
        <v>12063</v>
      </c>
      <c r="J41" s="149">
        <v>11036</v>
      </c>
      <c r="K41" s="150">
        <v>2.8467984466699757E-2</v>
      </c>
      <c r="L41" s="150">
        <v>-0.34636047767818035</v>
      </c>
      <c r="M41" s="151">
        <v>0.37482846214488014</v>
      </c>
    </row>
    <row r="42" spans="1:13" ht="9.75" customHeight="1">
      <c r="A42" s="37"/>
      <c r="B42" s="82" t="s">
        <v>104</v>
      </c>
      <c r="C42" s="39"/>
      <c r="D42" s="149">
        <v>991</v>
      </c>
      <c r="E42" s="149">
        <v>-824</v>
      </c>
      <c r="F42" s="149">
        <v>1881</v>
      </c>
      <c r="G42" s="149">
        <v>2705</v>
      </c>
      <c r="H42" s="149">
        <v>1815</v>
      </c>
      <c r="I42" s="149">
        <v>14953</v>
      </c>
      <c r="J42" s="149">
        <v>13138</v>
      </c>
      <c r="K42" s="150">
        <v>0.3520388770279535</v>
      </c>
      <c r="L42" s="150">
        <v>-0.29271446485472624</v>
      </c>
      <c r="M42" s="151">
        <v>0.64475334188267985</v>
      </c>
    </row>
    <row r="43" spans="1:13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0"/>
      <c r="L43" s="150"/>
      <c r="M43" s="151"/>
    </row>
    <row r="44" spans="1:13" ht="9.75" customHeight="1">
      <c r="A44" s="244" t="s">
        <v>128</v>
      </c>
      <c r="B44" s="245"/>
      <c r="C44" s="39"/>
      <c r="D44" s="149">
        <v>-4029</v>
      </c>
      <c r="E44" s="149">
        <v>-3308</v>
      </c>
      <c r="F44" s="149">
        <v>1844</v>
      </c>
      <c r="G44" s="149">
        <v>5152</v>
      </c>
      <c r="H44" s="149">
        <v>-721</v>
      </c>
      <c r="I44" s="149">
        <v>14118</v>
      </c>
      <c r="J44" s="149">
        <v>14839</v>
      </c>
      <c r="K44" s="150">
        <v>-1.0403084001869405</v>
      </c>
      <c r="L44" s="150">
        <v>-0.8541425137300569</v>
      </c>
      <c r="M44" s="151">
        <v>-0.18616588645688362</v>
      </c>
    </row>
    <row r="45" spans="1:13" ht="9.75" customHeight="1">
      <c r="A45" s="244" t="s">
        <v>129</v>
      </c>
      <c r="B45" s="245"/>
      <c r="C45" s="39"/>
      <c r="D45" s="149">
        <v>-667</v>
      </c>
      <c r="E45" s="149">
        <v>-1398</v>
      </c>
      <c r="F45" s="149">
        <v>1417</v>
      </c>
      <c r="G45" s="149">
        <v>2815</v>
      </c>
      <c r="H45" s="149">
        <v>731</v>
      </c>
      <c r="I45" s="149">
        <v>8918</v>
      </c>
      <c r="J45" s="149">
        <v>8187</v>
      </c>
      <c r="K45" s="150">
        <v>-0.2582288674321907</v>
      </c>
      <c r="L45" s="150">
        <v>-0.54123531734663066</v>
      </c>
      <c r="M45" s="151">
        <v>0.28300644991443991</v>
      </c>
    </row>
    <row r="46" spans="1:13" ht="9.75" customHeight="1">
      <c r="A46" s="244" t="s">
        <v>130</v>
      </c>
      <c r="B46" s="245"/>
      <c r="C46" s="39"/>
      <c r="D46" s="149">
        <v>-2</v>
      </c>
      <c r="E46" s="149">
        <v>-1160</v>
      </c>
      <c r="F46" s="149">
        <v>933</v>
      </c>
      <c r="G46" s="149">
        <v>2093</v>
      </c>
      <c r="H46" s="149">
        <v>1158</v>
      </c>
      <c r="I46" s="149">
        <v>7854</v>
      </c>
      <c r="J46" s="149">
        <v>6696</v>
      </c>
      <c r="K46" s="150">
        <v>-1.1580775911986102E-3</v>
      </c>
      <c r="L46" s="150">
        <v>-0.67168500289519395</v>
      </c>
      <c r="M46" s="151">
        <v>0.67052692530399538</v>
      </c>
    </row>
    <row r="47" spans="1:13" ht="9.75" customHeight="1">
      <c r="A47" s="244" t="s">
        <v>131</v>
      </c>
      <c r="B47" s="245"/>
      <c r="C47" s="39"/>
      <c r="D47" s="149">
        <v>3637</v>
      </c>
      <c r="E47" s="149">
        <v>-930</v>
      </c>
      <c r="F47" s="149">
        <v>3099</v>
      </c>
      <c r="G47" s="149">
        <v>4029</v>
      </c>
      <c r="H47" s="149">
        <v>4567</v>
      </c>
      <c r="I47" s="149">
        <v>21470</v>
      </c>
      <c r="J47" s="149">
        <v>16903</v>
      </c>
      <c r="K47" s="150">
        <v>0.83023071602548437</v>
      </c>
      <c r="L47" s="150">
        <v>-0.21229435411154815</v>
      </c>
      <c r="M47" s="151">
        <v>1.0425250701370326</v>
      </c>
    </row>
    <row r="48" spans="1:13" ht="9.75" customHeight="1">
      <c r="A48" s="244" t="s">
        <v>132</v>
      </c>
      <c r="B48" s="245"/>
      <c r="C48" s="39"/>
      <c r="D48" s="149">
        <v>-684</v>
      </c>
      <c r="E48" s="149">
        <v>-1239</v>
      </c>
      <c r="F48" s="149">
        <v>1068</v>
      </c>
      <c r="G48" s="149">
        <v>2307</v>
      </c>
      <c r="H48" s="149">
        <v>555</v>
      </c>
      <c r="I48" s="149">
        <v>6942</v>
      </c>
      <c r="J48" s="149">
        <v>6387</v>
      </c>
      <c r="K48" s="150">
        <v>-0.36246283961019349</v>
      </c>
      <c r="L48" s="150">
        <v>-0.65656645946934167</v>
      </c>
      <c r="M48" s="151">
        <v>0.29410361985914818</v>
      </c>
    </row>
    <row r="49" spans="1:13" ht="9.75" customHeight="1">
      <c r="A49" s="244" t="s">
        <v>133</v>
      </c>
      <c r="B49" s="245"/>
      <c r="C49" s="39"/>
      <c r="D49" s="149">
        <v>1365</v>
      </c>
      <c r="E49" s="149">
        <v>-793</v>
      </c>
      <c r="F49" s="149">
        <v>1525</v>
      </c>
      <c r="G49" s="149">
        <v>2318</v>
      </c>
      <c r="H49" s="149">
        <v>2158</v>
      </c>
      <c r="I49" s="149">
        <v>10146</v>
      </c>
      <c r="J49" s="149">
        <v>7988</v>
      </c>
      <c r="K49" s="150">
        <v>0.56295624200932071</v>
      </c>
      <c r="L49" s="150">
        <v>-0.32705076916731968</v>
      </c>
      <c r="M49" s="151">
        <v>0.89000701117664049</v>
      </c>
    </row>
    <row r="50" spans="1:13" ht="9.75" customHeight="1">
      <c r="A50" s="244" t="s">
        <v>134</v>
      </c>
      <c r="B50" s="245"/>
      <c r="C50" s="39"/>
      <c r="D50" s="149">
        <v>-207</v>
      </c>
      <c r="E50" s="149">
        <v>-369</v>
      </c>
      <c r="F50" s="149">
        <v>343</v>
      </c>
      <c r="G50" s="149">
        <v>712</v>
      </c>
      <c r="H50" s="149">
        <v>162</v>
      </c>
      <c r="I50" s="149">
        <v>2457</v>
      </c>
      <c r="J50" s="149">
        <v>2295</v>
      </c>
      <c r="K50" s="150">
        <v>-0.36267432896488888</v>
      </c>
      <c r="L50" s="150">
        <v>-0.64650641250262808</v>
      </c>
      <c r="M50" s="151">
        <v>0.28383208353773914</v>
      </c>
    </row>
    <row r="51" spans="1:13" ht="9.75" customHeight="1">
      <c r="A51" s="244" t="s">
        <v>135</v>
      </c>
      <c r="B51" s="245"/>
      <c r="C51" s="39"/>
      <c r="D51" s="149">
        <v>-627</v>
      </c>
      <c r="E51" s="149">
        <v>-610</v>
      </c>
      <c r="F51" s="149">
        <v>157</v>
      </c>
      <c r="G51" s="149">
        <v>767</v>
      </c>
      <c r="H51" s="149">
        <v>-17</v>
      </c>
      <c r="I51" s="149">
        <v>1164</v>
      </c>
      <c r="J51" s="149">
        <v>1181</v>
      </c>
      <c r="K51" s="150">
        <v>-1.4932837953701059</v>
      </c>
      <c r="L51" s="150">
        <v>-1.4527960369629418</v>
      </c>
      <c r="M51" s="151">
        <v>-4.0487758407163954E-2</v>
      </c>
    </row>
    <row r="52" spans="1:13" ht="9.75" customHeight="1">
      <c r="A52" s="244" t="s">
        <v>136</v>
      </c>
      <c r="B52" s="245"/>
      <c r="C52" s="39"/>
      <c r="D52" s="149">
        <v>-430</v>
      </c>
      <c r="E52" s="149">
        <v>-829</v>
      </c>
      <c r="F52" s="149">
        <v>780</v>
      </c>
      <c r="G52" s="149">
        <v>1609</v>
      </c>
      <c r="H52" s="149">
        <v>399</v>
      </c>
      <c r="I52" s="149">
        <v>5821</v>
      </c>
      <c r="J52" s="149">
        <v>5422</v>
      </c>
      <c r="K52" s="150">
        <v>-0.26481256812765197</v>
      </c>
      <c r="L52" s="150">
        <v>-0.51053399762284535</v>
      </c>
      <c r="M52" s="151">
        <v>0.24572142949519338</v>
      </c>
    </row>
    <row r="53" spans="1:13" ht="9.75" customHeight="1">
      <c r="A53" s="244" t="s">
        <v>137</v>
      </c>
      <c r="B53" s="245"/>
      <c r="C53" s="39"/>
      <c r="D53" s="149">
        <v>-259</v>
      </c>
      <c r="E53" s="149">
        <v>-821</v>
      </c>
      <c r="F53" s="149">
        <v>1302</v>
      </c>
      <c r="G53" s="149">
        <v>2123</v>
      </c>
      <c r="H53" s="149">
        <v>562</v>
      </c>
      <c r="I53" s="149">
        <v>10144</v>
      </c>
      <c r="J53" s="149">
        <v>9582</v>
      </c>
      <c r="K53" s="150">
        <v>-0.11571281776348122</v>
      </c>
      <c r="L53" s="150">
        <v>-0.36679622928115091</v>
      </c>
      <c r="M53" s="151">
        <v>0.25108341151766966</v>
      </c>
    </row>
    <row r="54" spans="1:13" ht="9.75" customHeight="1">
      <c r="A54" s="244" t="s">
        <v>138</v>
      </c>
      <c r="B54" s="245"/>
      <c r="C54" s="39"/>
      <c r="D54" s="149">
        <v>1939</v>
      </c>
      <c r="E54" s="149">
        <v>-429</v>
      </c>
      <c r="F54" s="149">
        <v>1819</v>
      </c>
      <c r="G54" s="149">
        <v>2248</v>
      </c>
      <c r="H54" s="149">
        <v>2368</v>
      </c>
      <c r="I54" s="149">
        <v>13570</v>
      </c>
      <c r="J54" s="149">
        <v>11202</v>
      </c>
      <c r="K54" s="150">
        <v>0.8091168566707283</v>
      </c>
      <c r="L54" s="150">
        <v>-0.17901553971724726</v>
      </c>
      <c r="M54" s="151">
        <v>0.98813239638797545</v>
      </c>
    </row>
    <row r="55" spans="1:13" ht="9.75" customHeight="1">
      <c r="A55" s="244" t="s">
        <v>139</v>
      </c>
      <c r="B55" s="245"/>
      <c r="C55" s="39"/>
      <c r="D55" s="149">
        <v>-418</v>
      </c>
      <c r="E55" s="149">
        <v>-422</v>
      </c>
      <c r="F55" s="149">
        <v>603</v>
      </c>
      <c r="G55" s="149">
        <v>1025</v>
      </c>
      <c r="H55" s="149">
        <v>4</v>
      </c>
      <c r="I55" s="149">
        <v>4463</v>
      </c>
      <c r="J55" s="149">
        <v>4459</v>
      </c>
      <c r="K55" s="150">
        <v>-0.41169692015246578</v>
      </c>
      <c r="L55" s="150">
        <v>-0.41563660359890087</v>
      </c>
      <c r="M55" s="151">
        <v>3.9396834464350793E-3</v>
      </c>
    </row>
    <row r="56" spans="1:13" ht="9.75" customHeight="1">
      <c r="A56" s="244" t="s">
        <v>140</v>
      </c>
      <c r="B56" s="245"/>
      <c r="C56" s="39"/>
      <c r="D56" s="149">
        <v>824</v>
      </c>
      <c r="E56" s="149">
        <v>-156</v>
      </c>
      <c r="F56" s="149">
        <v>1018</v>
      </c>
      <c r="G56" s="149">
        <v>1174</v>
      </c>
      <c r="H56" s="149">
        <v>980</v>
      </c>
      <c r="I56" s="149">
        <v>6699</v>
      </c>
      <c r="J56" s="149">
        <v>5719</v>
      </c>
      <c r="K56" s="150">
        <v>0.60278421934322857</v>
      </c>
      <c r="L56" s="150">
        <v>-0.11411934249701899</v>
      </c>
      <c r="M56" s="151">
        <v>0.71690356184024762</v>
      </c>
    </row>
    <row r="57" spans="1:13" ht="9.75" customHeight="1">
      <c r="A57" s="244" t="s">
        <v>141</v>
      </c>
      <c r="B57" s="245"/>
      <c r="C57" s="39"/>
      <c r="D57" s="149">
        <v>-135</v>
      </c>
      <c r="E57" s="149">
        <v>-423</v>
      </c>
      <c r="F57" s="149">
        <v>833</v>
      </c>
      <c r="G57" s="149">
        <v>1256</v>
      </c>
      <c r="H57" s="149">
        <v>288</v>
      </c>
      <c r="I57" s="149">
        <v>6224</v>
      </c>
      <c r="J57" s="149">
        <v>5936</v>
      </c>
      <c r="K57" s="150">
        <v>-0.10196759696363156</v>
      </c>
      <c r="L57" s="150">
        <v>-0.31949847048604552</v>
      </c>
      <c r="M57" s="151">
        <v>0.21753087352241399</v>
      </c>
    </row>
    <row r="58" spans="1:13" ht="9.75" customHeight="1">
      <c r="A58" s="244" t="s">
        <v>142</v>
      </c>
      <c r="B58" s="245"/>
      <c r="C58" s="39"/>
      <c r="D58" s="149">
        <v>-399</v>
      </c>
      <c r="E58" s="149">
        <v>-350</v>
      </c>
      <c r="F58" s="149">
        <v>163</v>
      </c>
      <c r="G58" s="149">
        <v>513</v>
      </c>
      <c r="H58" s="149">
        <v>-49</v>
      </c>
      <c r="I58" s="149">
        <v>1322</v>
      </c>
      <c r="J58" s="149">
        <v>1371</v>
      </c>
      <c r="K58" s="150">
        <v>-0.97959784930396998</v>
      </c>
      <c r="L58" s="150">
        <v>-0.85929635903857005</v>
      </c>
      <c r="M58" s="151">
        <v>-0.12030149026539982</v>
      </c>
    </row>
    <row r="59" spans="1:13" ht="9.75" customHeight="1">
      <c r="A59" s="244" t="s">
        <v>143</v>
      </c>
      <c r="B59" s="245"/>
      <c r="C59" s="39"/>
      <c r="D59" s="149">
        <v>-441</v>
      </c>
      <c r="E59" s="149">
        <v>-292</v>
      </c>
      <c r="F59" s="149">
        <v>559</v>
      </c>
      <c r="G59" s="149">
        <v>851</v>
      </c>
      <c r="H59" s="149">
        <v>-149</v>
      </c>
      <c r="I59" s="149">
        <v>3688</v>
      </c>
      <c r="J59" s="149">
        <v>3837</v>
      </c>
      <c r="K59" s="150">
        <v>-0.52659860290166571</v>
      </c>
      <c r="L59" s="150">
        <v>-0.34867753298704401</v>
      </c>
      <c r="M59" s="151">
        <v>-0.17792106991462178</v>
      </c>
    </row>
    <row r="60" spans="1:13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0"/>
      <c r="L60" s="150"/>
      <c r="M60" s="151"/>
    </row>
    <row r="61" spans="1:13" ht="9.75" customHeight="1">
      <c r="A61" s="244" t="s">
        <v>144</v>
      </c>
      <c r="B61" s="245"/>
      <c r="C61" s="39"/>
      <c r="D61" s="149">
        <v>-54</v>
      </c>
      <c r="E61" s="149">
        <v>-239</v>
      </c>
      <c r="F61" s="149">
        <v>127</v>
      </c>
      <c r="G61" s="149">
        <v>366</v>
      </c>
      <c r="H61" s="149">
        <v>185</v>
      </c>
      <c r="I61" s="149">
        <v>1330</v>
      </c>
      <c r="J61" s="149">
        <v>1145</v>
      </c>
      <c r="K61" s="150">
        <v>-0.17032013877937235</v>
      </c>
      <c r="L61" s="150">
        <v>-0.75382431793092575</v>
      </c>
      <c r="M61" s="151">
        <v>0.58350417915155339</v>
      </c>
    </row>
    <row r="62" spans="1:13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0"/>
      <c r="L62" s="150"/>
      <c r="M62" s="151"/>
    </row>
    <row r="63" spans="1:13" ht="9.75" customHeight="1">
      <c r="A63" s="244" t="s">
        <v>145</v>
      </c>
      <c r="B63" s="245"/>
      <c r="C63" s="39"/>
      <c r="D63" s="149">
        <v>132</v>
      </c>
      <c r="E63" s="149">
        <v>-214</v>
      </c>
      <c r="F63" s="149">
        <v>306</v>
      </c>
      <c r="G63" s="149">
        <v>520</v>
      </c>
      <c r="H63" s="149">
        <v>346</v>
      </c>
      <c r="I63" s="149">
        <v>2115</v>
      </c>
      <c r="J63" s="149">
        <v>1769</v>
      </c>
      <c r="K63" s="150">
        <v>0.27251331599157685</v>
      </c>
      <c r="L63" s="150">
        <v>-0.44180189107725337</v>
      </c>
      <c r="M63" s="151">
        <v>0.71431520706883023</v>
      </c>
    </row>
    <row r="64" spans="1:13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0"/>
      <c r="L64" s="150"/>
      <c r="M64" s="151"/>
    </row>
    <row r="65" spans="1:13" ht="9.75" customHeight="1">
      <c r="A65" s="242" t="s">
        <v>146</v>
      </c>
      <c r="B65" s="243"/>
      <c r="C65" s="46"/>
      <c r="D65" s="152">
        <v>-385</v>
      </c>
      <c r="E65" s="152">
        <v>-502</v>
      </c>
      <c r="F65" s="152">
        <v>256</v>
      </c>
      <c r="G65" s="152">
        <v>758</v>
      </c>
      <c r="H65" s="152">
        <v>117</v>
      </c>
      <c r="I65" s="152">
        <v>2234</v>
      </c>
      <c r="J65" s="152">
        <v>2117</v>
      </c>
      <c r="K65" s="153">
        <v>-0.65017309803259304</v>
      </c>
      <c r="L65" s="153">
        <v>-0.84775816938275761</v>
      </c>
      <c r="M65" s="154">
        <v>0.19758507135016465</v>
      </c>
    </row>
    <row r="66" spans="1:13" ht="9.75" customHeight="1">
      <c r="A66" s="37"/>
      <c r="B66" s="82" t="s">
        <v>147</v>
      </c>
      <c r="C66" s="39"/>
      <c r="D66" s="149">
        <v>-247</v>
      </c>
      <c r="E66" s="149">
        <v>-255</v>
      </c>
      <c r="F66" s="149">
        <v>140</v>
      </c>
      <c r="G66" s="149">
        <v>395</v>
      </c>
      <c r="H66" s="149">
        <v>8</v>
      </c>
      <c r="I66" s="149">
        <v>1132</v>
      </c>
      <c r="J66" s="149">
        <v>1124</v>
      </c>
      <c r="K66" s="150">
        <v>-0.77898322189983604</v>
      </c>
      <c r="L66" s="150">
        <v>-0.80421344771035697</v>
      </c>
      <c r="M66" s="151">
        <v>2.5230225810521003E-2</v>
      </c>
    </row>
    <row r="67" spans="1:13" ht="9.75" customHeight="1">
      <c r="A67" s="37"/>
      <c r="B67" s="82" t="s">
        <v>148</v>
      </c>
      <c r="C67" s="39"/>
      <c r="D67" s="149">
        <v>-138</v>
      </c>
      <c r="E67" s="149">
        <v>-247</v>
      </c>
      <c r="F67" s="149">
        <v>116</v>
      </c>
      <c r="G67" s="149">
        <v>363</v>
      </c>
      <c r="H67" s="149">
        <v>109</v>
      </c>
      <c r="I67" s="149">
        <v>1102</v>
      </c>
      <c r="J67" s="149">
        <v>993</v>
      </c>
      <c r="K67" s="150">
        <v>-0.50169047878721784</v>
      </c>
      <c r="L67" s="150">
        <v>-0.89795324826407819</v>
      </c>
      <c r="M67" s="151">
        <v>0.39626276947686045</v>
      </c>
    </row>
    <row r="68" spans="1:13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0"/>
      <c r="L68" s="150"/>
      <c r="M68" s="151"/>
    </row>
    <row r="69" spans="1:13" ht="9.75" customHeight="1">
      <c r="A69" s="242" t="s">
        <v>149</v>
      </c>
      <c r="B69" s="243"/>
      <c r="C69" s="46"/>
      <c r="D69" s="152">
        <v>-319</v>
      </c>
      <c r="E69" s="152">
        <v>-379</v>
      </c>
      <c r="F69" s="152">
        <v>374</v>
      </c>
      <c r="G69" s="152">
        <v>753</v>
      </c>
      <c r="H69" s="152">
        <v>60</v>
      </c>
      <c r="I69" s="152">
        <v>2350</v>
      </c>
      <c r="J69" s="152">
        <v>2290</v>
      </c>
      <c r="K69" s="153">
        <v>-0.48818560235063663</v>
      </c>
      <c r="L69" s="153">
        <v>-0.5800073457394711</v>
      </c>
      <c r="M69" s="154">
        <v>9.1821743388834476E-2</v>
      </c>
    </row>
    <row r="70" spans="1:13" ht="9.75" customHeight="1">
      <c r="A70" s="37"/>
      <c r="B70" s="82" t="s">
        <v>150</v>
      </c>
      <c r="C70" s="39"/>
      <c r="D70" s="149">
        <v>-163</v>
      </c>
      <c r="E70" s="149">
        <v>-99</v>
      </c>
      <c r="F70" s="149">
        <v>32</v>
      </c>
      <c r="G70" s="149">
        <v>131</v>
      </c>
      <c r="H70" s="149">
        <v>-64</v>
      </c>
      <c r="I70" s="149">
        <v>237</v>
      </c>
      <c r="J70" s="149">
        <v>301</v>
      </c>
      <c r="K70" s="150">
        <v>-1.7596890856094136</v>
      </c>
      <c r="L70" s="150">
        <v>-1.0687682176400735</v>
      </c>
      <c r="M70" s="151">
        <v>-0.69092086796934038</v>
      </c>
    </row>
    <row r="71" spans="1:13" ht="9.75" customHeight="1">
      <c r="A71" s="37"/>
      <c r="B71" s="82" t="s">
        <v>151</v>
      </c>
      <c r="C71" s="39"/>
      <c r="D71" s="149">
        <v>34</v>
      </c>
      <c r="E71" s="149">
        <v>-63</v>
      </c>
      <c r="F71" s="149">
        <v>113</v>
      </c>
      <c r="G71" s="149">
        <v>176</v>
      </c>
      <c r="H71" s="149">
        <v>97</v>
      </c>
      <c r="I71" s="149">
        <v>687</v>
      </c>
      <c r="J71" s="149">
        <v>590</v>
      </c>
      <c r="K71" s="150">
        <v>0.19812365246780492</v>
      </c>
      <c r="L71" s="150">
        <v>-0.36711147369034436</v>
      </c>
      <c r="M71" s="151">
        <v>0.5652351261581493</v>
      </c>
    </row>
    <row r="72" spans="1:13" ht="9.75" customHeight="1">
      <c r="A72" s="37"/>
      <c r="B72" s="82" t="s">
        <v>152</v>
      </c>
      <c r="C72" s="39"/>
      <c r="D72" s="149">
        <v>-176</v>
      </c>
      <c r="E72" s="149">
        <v>-85</v>
      </c>
      <c r="F72" s="149">
        <v>47</v>
      </c>
      <c r="G72" s="149">
        <v>132</v>
      </c>
      <c r="H72" s="149">
        <v>-91</v>
      </c>
      <c r="I72" s="149">
        <v>458</v>
      </c>
      <c r="J72" s="149">
        <v>549</v>
      </c>
      <c r="K72" s="150">
        <v>-1.6312911298544814</v>
      </c>
      <c r="L72" s="150">
        <v>-0.78783946612290301</v>
      </c>
      <c r="M72" s="151">
        <v>-0.84345166373157843</v>
      </c>
    </row>
    <row r="73" spans="1:13" ht="9.75" customHeight="1">
      <c r="A73" s="37"/>
      <c r="B73" s="82" t="s">
        <v>153</v>
      </c>
      <c r="C73" s="39"/>
      <c r="D73" s="149">
        <v>-177</v>
      </c>
      <c r="E73" s="149">
        <v>-138</v>
      </c>
      <c r="F73" s="149">
        <v>30</v>
      </c>
      <c r="G73" s="149">
        <v>168</v>
      </c>
      <c r="H73" s="149">
        <v>-39</v>
      </c>
      <c r="I73" s="149">
        <v>224</v>
      </c>
      <c r="J73" s="149">
        <v>263</v>
      </c>
      <c r="K73" s="150">
        <v>-1.8185554299804789</v>
      </c>
      <c r="L73" s="150">
        <v>-1.4178567759169833</v>
      </c>
      <c r="M73" s="151">
        <v>-0.40069865406349531</v>
      </c>
    </row>
    <row r="74" spans="1:13" ht="9.75" customHeight="1">
      <c r="A74" s="37"/>
      <c r="B74" s="82" t="s">
        <v>154</v>
      </c>
      <c r="C74" s="39"/>
      <c r="D74" s="149">
        <v>163</v>
      </c>
      <c r="E74" s="149">
        <v>6</v>
      </c>
      <c r="F74" s="149">
        <v>152</v>
      </c>
      <c r="G74" s="149">
        <v>146</v>
      </c>
      <c r="H74" s="149">
        <v>157</v>
      </c>
      <c r="I74" s="149">
        <v>744</v>
      </c>
      <c r="J74" s="149">
        <v>587</v>
      </c>
      <c r="K74" s="150">
        <v>0.88596586585498427</v>
      </c>
      <c r="L74" s="150">
        <v>3.2612240460919664E-2</v>
      </c>
      <c r="M74" s="151">
        <v>0.85335362539406456</v>
      </c>
    </row>
    <row r="75" spans="1:13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0"/>
      <c r="L75" s="150"/>
      <c r="M75" s="151"/>
    </row>
    <row r="76" spans="1:13" ht="9.75" customHeight="1">
      <c r="A76" s="242" t="s">
        <v>155</v>
      </c>
      <c r="B76" s="243"/>
      <c r="C76" s="46"/>
      <c r="D76" s="152">
        <v>-637</v>
      </c>
      <c r="E76" s="152">
        <v>-631</v>
      </c>
      <c r="F76" s="152">
        <v>125</v>
      </c>
      <c r="G76" s="152">
        <v>756</v>
      </c>
      <c r="H76" s="152">
        <v>-6</v>
      </c>
      <c r="I76" s="152">
        <v>2248</v>
      </c>
      <c r="J76" s="152">
        <v>2254</v>
      </c>
      <c r="K76" s="153">
        <v>-1.5410668924640136</v>
      </c>
      <c r="L76" s="153">
        <v>-1.5265513487359379</v>
      </c>
      <c r="M76" s="154">
        <v>-1.4515543728075482E-2</v>
      </c>
    </row>
    <row r="77" spans="1:13" ht="9.75" customHeight="1">
      <c r="A77" s="37"/>
      <c r="B77" s="82" t="s">
        <v>156</v>
      </c>
      <c r="C77" s="39"/>
      <c r="D77" s="149">
        <v>-163</v>
      </c>
      <c r="E77" s="149">
        <v>-152</v>
      </c>
      <c r="F77" s="149">
        <v>25</v>
      </c>
      <c r="G77" s="149">
        <v>177</v>
      </c>
      <c r="H77" s="149">
        <v>-11</v>
      </c>
      <c r="I77" s="149">
        <v>1020</v>
      </c>
      <c r="J77" s="149">
        <v>1031</v>
      </c>
      <c r="K77" s="150">
        <v>-1.4495331258337039</v>
      </c>
      <c r="L77" s="150">
        <v>-1.3517118719430858</v>
      </c>
      <c r="M77" s="151">
        <v>-9.7821253890618048E-2</v>
      </c>
    </row>
    <row r="78" spans="1:13" ht="9.75" customHeight="1">
      <c r="A78" s="37"/>
      <c r="B78" s="82" t="s">
        <v>157</v>
      </c>
      <c r="C78" s="39"/>
      <c r="D78" s="149">
        <v>-132</v>
      </c>
      <c r="E78" s="149">
        <v>-120</v>
      </c>
      <c r="F78" s="149">
        <v>18</v>
      </c>
      <c r="G78" s="149">
        <v>138</v>
      </c>
      <c r="H78" s="149">
        <v>-12</v>
      </c>
      <c r="I78" s="149">
        <v>191</v>
      </c>
      <c r="J78" s="149">
        <v>203</v>
      </c>
      <c r="K78" s="150">
        <v>-1.9680930371253913</v>
      </c>
      <c r="L78" s="150">
        <v>-1.7891754882958102</v>
      </c>
      <c r="M78" s="151">
        <v>-0.17891754882958102</v>
      </c>
    </row>
    <row r="79" spans="1:13" ht="9.75" customHeight="1">
      <c r="A79" s="37"/>
      <c r="B79" s="82" t="s">
        <v>158</v>
      </c>
      <c r="C79" s="39"/>
      <c r="D79" s="149">
        <v>-342</v>
      </c>
      <c r="E79" s="149">
        <v>-359</v>
      </c>
      <c r="F79" s="149">
        <v>82</v>
      </c>
      <c r="G79" s="149">
        <v>441</v>
      </c>
      <c r="H79" s="149">
        <v>17</v>
      </c>
      <c r="I79" s="149">
        <v>1037</v>
      </c>
      <c r="J79" s="149">
        <v>1020</v>
      </c>
      <c r="K79" s="150">
        <v>-1.4626010349399137</v>
      </c>
      <c r="L79" s="150">
        <v>-1.5353034255655817</v>
      </c>
      <c r="M79" s="151">
        <v>7.2702390625668231E-2</v>
      </c>
    </row>
    <row r="80" spans="1:13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0"/>
      <c r="L80" s="150"/>
      <c r="M80" s="151"/>
    </row>
    <row r="81" spans="1:20" ht="9.75" customHeight="1">
      <c r="A81" s="242" t="s">
        <v>159</v>
      </c>
      <c r="B81" s="243"/>
      <c r="C81" s="46"/>
      <c r="D81" s="152">
        <v>-310</v>
      </c>
      <c r="E81" s="152">
        <v>-295</v>
      </c>
      <c r="F81" s="152">
        <v>198</v>
      </c>
      <c r="G81" s="152">
        <v>493</v>
      </c>
      <c r="H81" s="152">
        <v>-15</v>
      </c>
      <c r="I81" s="152">
        <v>1733</v>
      </c>
      <c r="J81" s="152">
        <v>1748</v>
      </c>
      <c r="K81" s="153">
        <v>-0.72409604783705506</v>
      </c>
      <c r="L81" s="153">
        <v>-0.6890591422965523</v>
      </c>
      <c r="M81" s="154">
        <v>-3.5036905540502664E-2</v>
      </c>
    </row>
    <row r="82" spans="1:20" ht="9.75" customHeight="1">
      <c r="A82" s="37"/>
      <c r="B82" s="82" t="s">
        <v>160</v>
      </c>
      <c r="C82" s="39"/>
      <c r="D82" s="149">
        <v>-287</v>
      </c>
      <c r="E82" s="149">
        <v>-272</v>
      </c>
      <c r="F82" s="149">
        <v>185</v>
      </c>
      <c r="G82" s="149">
        <v>457</v>
      </c>
      <c r="H82" s="149">
        <v>-15</v>
      </c>
      <c r="I82" s="149">
        <v>1632</v>
      </c>
      <c r="J82" s="149">
        <v>1647</v>
      </c>
      <c r="K82" s="150">
        <v>-0.72148621131752932</v>
      </c>
      <c r="L82" s="150">
        <v>-0.68377787274692681</v>
      </c>
      <c r="M82" s="151">
        <v>-3.770833857060258E-2</v>
      </c>
    </row>
    <row r="83" spans="1:20" ht="9.75" customHeight="1">
      <c r="A83" s="37"/>
      <c r="B83" s="82" t="s">
        <v>161</v>
      </c>
      <c r="C83" s="39"/>
      <c r="D83" s="149">
        <v>-23</v>
      </c>
      <c r="E83" s="149">
        <v>-23</v>
      </c>
      <c r="F83" s="149">
        <v>13</v>
      </c>
      <c r="G83" s="149">
        <v>36</v>
      </c>
      <c r="H83" s="149">
        <v>0</v>
      </c>
      <c r="I83" s="149">
        <v>101</v>
      </c>
      <c r="J83" s="149">
        <v>101</v>
      </c>
      <c r="K83" s="150">
        <v>-0.75832509066930431</v>
      </c>
      <c r="L83" s="150">
        <v>-0.75832509066930431</v>
      </c>
      <c r="M83" s="151">
        <v>0</v>
      </c>
    </row>
    <row r="84" spans="1:20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55"/>
      <c r="L84" s="155"/>
      <c r="M84" s="143"/>
    </row>
    <row r="85" spans="1:20" s="68" customFormat="1" ht="13.5" customHeight="1">
      <c r="A85" s="200" t="s">
        <v>162</v>
      </c>
      <c r="B85" s="200"/>
      <c r="C85" s="200"/>
      <c r="D85" s="200"/>
      <c r="E85" s="200"/>
      <c r="F85" s="200"/>
      <c r="G85" s="200"/>
      <c r="H85" s="200"/>
      <c r="I85" s="200"/>
      <c r="J85" s="200"/>
      <c r="K85" s="200"/>
      <c r="L85" s="200"/>
      <c r="M85" s="200"/>
      <c r="N85" s="67"/>
      <c r="O85" s="67"/>
      <c r="P85" s="67"/>
      <c r="Q85" s="67"/>
      <c r="R85" s="67"/>
      <c r="S85" s="67"/>
      <c r="T85" s="67"/>
    </row>
  </sheetData>
  <mergeCells count="37">
    <mergeCell ref="A1:M1"/>
    <mergeCell ref="A2:C2"/>
    <mergeCell ref="K2:M2"/>
    <mergeCell ref="A3:C4"/>
    <mergeCell ref="D3:D4"/>
    <mergeCell ref="E3:G3"/>
    <mergeCell ref="H3:J3"/>
    <mergeCell ref="K3:M3"/>
    <mergeCell ref="A49:B49"/>
    <mergeCell ref="A6:B6"/>
    <mergeCell ref="A7:B7"/>
    <mergeCell ref="A8:B8"/>
    <mergeCell ref="A10:B10"/>
    <mergeCell ref="A30:B30"/>
    <mergeCell ref="A39:B39"/>
    <mergeCell ref="A44:B44"/>
    <mergeCell ref="A45:B45"/>
    <mergeCell ref="A46:B46"/>
    <mergeCell ref="A47:B47"/>
    <mergeCell ref="A48:B48"/>
    <mergeCell ref="A63:B63"/>
    <mergeCell ref="A50:B50"/>
    <mergeCell ref="A51:B51"/>
    <mergeCell ref="A52:B52"/>
    <mergeCell ref="A53:B53"/>
    <mergeCell ref="A54:B54"/>
    <mergeCell ref="A55:B55"/>
    <mergeCell ref="A56:B56"/>
    <mergeCell ref="A57:B57"/>
    <mergeCell ref="A58:B58"/>
    <mergeCell ref="A59:B59"/>
    <mergeCell ref="A61:B61"/>
    <mergeCell ref="A65:B65"/>
    <mergeCell ref="A69:B69"/>
    <mergeCell ref="A76:B76"/>
    <mergeCell ref="A81:B81"/>
    <mergeCell ref="A85:M85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6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63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4</v>
      </c>
      <c r="B2" s="202"/>
      <c r="C2" s="202"/>
      <c r="I2" s="236" t="s">
        <v>56</v>
      </c>
      <c r="J2" s="236"/>
      <c r="K2" s="236"/>
    </row>
    <row r="3" spans="1:22" ht="15" customHeight="1">
      <c r="A3" s="203" t="s">
        <v>92</v>
      </c>
      <c r="B3" s="204"/>
      <c r="C3" s="204"/>
      <c r="D3" s="215" t="s">
        <v>165</v>
      </c>
      <c r="E3" s="204"/>
      <c r="F3" s="204"/>
      <c r="G3" s="251"/>
      <c r="H3" s="215" t="s">
        <v>166</v>
      </c>
      <c r="I3" s="204"/>
      <c r="J3" s="204"/>
      <c r="K3" s="252"/>
    </row>
    <row r="4" spans="1:22" ht="15" customHeight="1">
      <c r="A4" s="207"/>
      <c r="B4" s="208"/>
      <c r="C4" s="208"/>
      <c r="D4" s="74" t="s">
        <v>49</v>
      </c>
      <c r="E4" s="74" t="s">
        <v>50</v>
      </c>
      <c r="F4" s="74" t="s">
        <v>51</v>
      </c>
      <c r="G4" s="74" t="s">
        <v>52</v>
      </c>
      <c r="H4" s="74" t="s">
        <v>49</v>
      </c>
      <c r="I4" s="74" t="s">
        <v>50</v>
      </c>
      <c r="J4" s="74" t="s">
        <v>51</v>
      </c>
      <c r="K4" s="92" t="s">
        <v>52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0</v>
      </c>
      <c r="H5" s="11" t="s">
        <v>10</v>
      </c>
      <c r="I5" s="11" t="s">
        <v>10</v>
      </c>
      <c r="J5" s="11" t="s">
        <v>10</v>
      </c>
      <c r="K5" s="13" t="s">
        <v>10</v>
      </c>
    </row>
    <row r="6" spans="1:22" ht="9.75" customHeight="1">
      <c r="A6" s="246" t="s">
        <v>96</v>
      </c>
      <c r="B6" s="247"/>
      <c r="C6" s="16"/>
      <c r="D6" s="17">
        <v>488358</v>
      </c>
      <c r="E6" s="17">
        <v>255456</v>
      </c>
      <c r="F6" s="17">
        <v>224220</v>
      </c>
      <c r="G6" s="17">
        <v>8682</v>
      </c>
      <c r="H6" s="17">
        <v>463535</v>
      </c>
      <c r="I6" s="17">
        <v>226534</v>
      </c>
      <c r="J6" s="17">
        <v>225396</v>
      </c>
      <c r="K6" s="156">
        <v>11605</v>
      </c>
    </row>
    <row r="7" spans="1:22" s="29" customFormat="1" ht="9.75" customHeight="1">
      <c r="A7" s="248" t="s">
        <v>97</v>
      </c>
      <c r="B7" s="249"/>
      <c r="C7" s="32"/>
      <c r="D7" s="146">
        <v>476348</v>
      </c>
      <c r="E7" s="146">
        <v>250155</v>
      </c>
      <c r="F7" s="146">
        <v>217737</v>
      </c>
      <c r="G7" s="146">
        <v>8456</v>
      </c>
      <c r="H7" s="146">
        <v>452212</v>
      </c>
      <c r="I7" s="146">
        <v>221930</v>
      </c>
      <c r="J7" s="146">
        <v>218960</v>
      </c>
      <c r="K7" s="157">
        <v>11322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12010</v>
      </c>
      <c r="E8" s="146">
        <v>5301</v>
      </c>
      <c r="F8" s="146">
        <v>6483</v>
      </c>
      <c r="G8" s="146">
        <v>226</v>
      </c>
      <c r="H8" s="146">
        <v>11323</v>
      </c>
      <c r="I8" s="146">
        <v>4604</v>
      </c>
      <c r="J8" s="146">
        <v>6436</v>
      </c>
      <c r="K8" s="157">
        <v>283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214743</v>
      </c>
      <c r="E10" s="152">
        <v>103305</v>
      </c>
      <c r="F10" s="152">
        <v>106376</v>
      </c>
      <c r="G10" s="152">
        <v>5062</v>
      </c>
      <c r="H10" s="152">
        <v>207543</v>
      </c>
      <c r="I10" s="152">
        <v>94078</v>
      </c>
      <c r="J10" s="152">
        <v>107912</v>
      </c>
      <c r="K10" s="159">
        <v>5553</v>
      </c>
    </row>
    <row r="11" spans="1:22" ht="9.75" customHeight="1">
      <c r="A11" s="37"/>
      <c r="B11" s="82" t="s">
        <v>100</v>
      </c>
      <c r="C11" s="39"/>
      <c r="D11" s="149">
        <v>17100</v>
      </c>
      <c r="E11" s="149">
        <v>9884</v>
      </c>
      <c r="F11" s="149">
        <v>6742</v>
      </c>
      <c r="G11" s="149">
        <v>474</v>
      </c>
      <c r="H11" s="149">
        <v>18183</v>
      </c>
      <c r="I11" s="149">
        <v>9266</v>
      </c>
      <c r="J11" s="149">
        <v>8137</v>
      </c>
      <c r="K11" s="158">
        <v>780</v>
      </c>
    </row>
    <row r="12" spans="1:22" ht="9.75" customHeight="1">
      <c r="A12" s="37"/>
      <c r="B12" s="82" t="s">
        <v>101</v>
      </c>
      <c r="C12" s="39"/>
      <c r="D12" s="149">
        <v>17607</v>
      </c>
      <c r="E12" s="149">
        <v>9165</v>
      </c>
      <c r="F12" s="149">
        <v>7969</v>
      </c>
      <c r="G12" s="149">
        <v>473</v>
      </c>
      <c r="H12" s="149">
        <v>16845</v>
      </c>
      <c r="I12" s="149">
        <v>7625</v>
      </c>
      <c r="J12" s="149">
        <v>8762</v>
      </c>
      <c r="K12" s="158">
        <v>458</v>
      </c>
    </row>
    <row r="13" spans="1:22" ht="9.75" customHeight="1">
      <c r="A13" s="37"/>
      <c r="B13" s="82" t="s">
        <v>102</v>
      </c>
      <c r="C13" s="39"/>
      <c r="D13" s="149">
        <v>9470</v>
      </c>
      <c r="E13" s="149">
        <v>4627</v>
      </c>
      <c r="F13" s="149">
        <v>4636</v>
      </c>
      <c r="G13" s="149">
        <v>207</v>
      </c>
      <c r="H13" s="149">
        <v>9614</v>
      </c>
      <c r="I13" s="149">
        <v>4129</v>
      </c>
      <c r="J13" s="149">
        <v>5168</v>
      </c>
      <c r="K13" s="158">
        <v>317</v>
      </c>
    </row>
    <row r="14" spans="1:22" ht="9.75" customHeight="1">
      <c r="A14" s="37"/>
      <c r="B14" s="82" t="s">
        <v>103</v>
      </c>
      <c r="C14" s="39"/>
      <c r="D14" s="149">
        <v>12454</v>
      </c>
      <c r="E14" s="149">
        <v>6297</v>
      </c>
      <c r="F14" s="149">
        <v>5741</v>
      </c>
      <c r="G14" s="149">
        <v>416</v>
      </c>
      <c r="H14" s="149">
        <v>12641</v>
      </c>
      <c r="I14" s="149">
        <v>5516</v>
      </c>
      <c r="J14" s="149">
        <v>6214</v>
      </c>
      <c r="K14" s="158">
        <v>911</v>
      </c>
    </row>
    <row r="15" spans="1:22" ht="9.75" customHeight="1">
      <c r="A15" s="37"/>
      <c r="B15" s="82" t="s">
        <v>104</v>
      </c>
      <c r="C15" s="39"/>
      <c r="D15" s="149">
        <v>13308</v>
      </c>
      <c r="E15" s="149">
        <v>5610</v>
      </c>
      <c r="F15" s="149">
        <v>7380</v>
      </c>
      <c r="G15" s="149">
        <v>318</v>
      </c>
      <c r="H15" s="149">
        <v>12655</v>
      </c>
      <c r="I15" s="149">
        <v>4758</v>
      </c>
      <c r="J15" s="149">
        <v>7422</v>
      </c>
      <c r="K15" s="158">
        <v>475</v>
      </c>
    </row>
    <row r="16" spans="1:22" ht="9.75" customHeight="1">
      <c r="A16" s="37"/>
      <c r="B16" s="82" t="s">
        <v>105</v>
      </c>
      <c r="C16" s="39"/>
      <c r="D16" s="149">
        <v>10119</v>
      </c>
      <c r="E16" s="149">
        <v>3800</v>
      </c>
      <c r="F16" s="149">
        <v>6143</v>
      </c>
      <c r="G16" s="149">
        <v>176</v>
      </c>
      <c r="H16" s="149">
        <v>9132</v>
      </c>
      <c r="I16" s="149">
        <v>3624</v>
      </c>
      <c r="J16" s="149">
        <v>5365</v>
      </c>
      <c r="K16" s="158">
        <v>143</v>
      </c>
    </row>
    <row r="17" spans="1:11" ht="9.75" customHeight="1">
      <c r="A17" s="37"/>
      <c r="B17" s="82" t="s">
        <v>106</v>
      </c>
      <c r="C17" s="39"/>
      <c r="D17" s="149">
        <v>11489</v>
      </c>
      <c r="E17" s="149">
        <v>4973</v>
      </c>
      <c r="F17" s="149">
        <v>6224</v>
      </c>
      <c r="G17" s="149">
        <v>292</v>
      </c>
      <c r="H17" s="149">
        <v>11451</v>
      </c>
      <c r="I17" s="149">
        <v>4739</v>
      </c>
      <c r="J17" s="149">
        <v>6379</v>
      </c>
      <c r="K17" s="158">
        <v>333</v>
      </c>
    </row>
    <row r="18" spans="1:11" ht="9.75" customHeight="1">
      <c r="A18" s="37"/>
      <c r="B18" s="82" t="s">
        <v>107</v>
      </c>
      <c r="C18" s="39"/>
      <c r="D18" s="149">
        <v>9784</v>
      </c>
      <c r="E18" s="149">
        <v>3433</v>
      </c>
      <c r="F18" s="149">
        <v>6084</v>
      </c>
      <c r="G18" s="149">
        <v>267</v>
      </c>
      <c r="H18" s="149">
        <v>9698</v>
      </c>
      <c r="I18" s="149">
        <v>3662</v>
      </c>
      <c r="J18" s="149">
        <v>5779</v>
      </c>
      <c r="K18" s="158">
        <v>257</v>
      </c>
    </row>
    <row r="19" spans="1:11" ht="9.75" customHeight="1">
      <c r="A19" s="37"/>
      <c r="B19" s="82" t="s">
        <v>108</v>
      </c>
      <c r="C19" s="39"/>
      <c r="D19" s="149">
        <v>9094</v>
      </c>
      <c r="E19" s="149">
        <v>3564</v>
      </c>
      <c r="F19" s="149">
        <v>5350</v>
      </c>
      <c r="G19" s="149">
        <v>180</v>
      </c>
      <c r="H19" s="149">
        <v>8787</v>
      </c>
      <c r="I19" s="149">
        <v>3477</v>
      </c>
      <c r="J19" s="149">
        <v>5079</v>
      </c>
      <c r="K19" s="158">
        <v>231</v>
      </c>
    </row>
    <row r="20" spans="1:11" ht="9.75" customHeight="1">
      <c r="A20" s="37"/>
      <c r="B20" s="82" t="s">
        <v>109</v>
      </c>
      <c r="C20" s="39"/>
      <c r="D20" s="149">
        <v>9073</v>
      </c>
      <c r="E20" s="149">
        <v>4576</v>
      </c>
      <c r="F20" s="149">
        <v>4289</v>
      </c>
      <c r="G20" s="149">
        <v>208</v>
      </c>
      <c r="H20" s="149">
        <v>8944</v>
      </c>
      <c r="I20" s="149">
        <v>4119</v>
      </c>
      <c r="J20" s="149">
        <v>4690</v>
      </c>
      <c r="K20" s="158">
        <v>135</v>
      </c>
    </row>
    <row r="21" spans="1:11" ht="9.75" customHeight="1">
      <c r="A21" s="37"/>
      <c r="B21" s="82" t="s">
        <v>110</v>
      </c>
      <c r="C21" s="39"/>
      <c r="D21" s="149">
        <v>24007</v>
      </c>
      <c r="E21" s="149">
        <v>14139</v>
      </c>
      <c r="F21" s="149">
        <v>9306</v>
      </c>
      <c r="G21" s="149">
        <v>562</v>
      </c>
      <c r="H21" s="149">
        <v>23342</v>
      </c>
      <c r="I21" s="149">
        <v>12061</v>
      </c>
      <c r="J21" s="149">
        <v>10829</v>
      </c>
      <c r="K21" s="158">
        <v>452</v>
      </c>
    </row>
    <row r="22" spans="1:11" ht="9.75" customHeight="1">
      <c r="A22" s="37"/>
      <c r="B22" s="82" t="s">
        <v>111</v>
      </c>
      <c r="C22" s="39"/>
      <c r="D22" s="149">
        <v>9647</v>
      </c>
      <c r="E22" s="149">
        <v>4166</v>
      </c>
      <c r="F22" s="149">
        <v>5239</v>
      </c>
      <c r="G22" s="149">
        <v>242</v>
      </c>
      <c r="H22" s="149">
        <v>9302</v>
      </c>
      <c r="I22" s="149">
        <v>4366</v>
      </c>
      <c r="J22" s="149">
        <v>4737</v>
      </c>
      <c r="K22" s="158">
        <v>199</v>
      </c>
    </row>
    <row r="23" spans="1:11" ht="9.75" customHeight="1">
      <c r="A23" s="37"/>
      <c r="B23" s="82" t="s">
        <v>112</v>
      </c>
      <c r="C23" s="39"/>
      <c r="D23" s="149">
        <v>17549</v>
      </c>
      <c r="E23" s="149">
        <v>10471</v>
      </c>
      <c r="F23" s="149">
        <v>6620</v>
      </c>
      <c r="G23" s="149">
        <v>458</v>
      </c>
      <c r="H23" s="149">
        <v>16940</v>
      </c>
      <c r="I23" s="149">
        <v>9925</v>
      </c>
      <c r="J23" s="149">
        <v>6796</v>
      </c>
      <c r="K23" s="158">
        <v>219</v>
      </c>
    </row>
    <row r="24" spans="1:11" ht="9.75" customHeight="1">
      <c r="A24" s="37"/>
      <c r="B24" s="82" t="s">
        <v>113</v>
      </c>
      <c r="C24" s="39"/>
      <c r="D24" s="149">
        <v>12647</v>
      </c>
      <c r="E24" s="149">
        <v>6444</v>
      </c>
      <c r="F24" s="149">
        <v>5989</v>
      </c>
      <c r="G24" s="149">
        <v>214</v>
      </c>
      <c r="H24" s="149">
        <v>11286</v>
      </c>
      <c r="I24" s="149">
        <v>5785</v>
      </c>
      <c r="J24" s="149">
        <v>5350</v>
      </c>
      <c r="K24" s="158">
        <v>151</v>
      </c>
    </row>
    <row r="25" spans="1:11" ht="9.75" customHeight="1">
      <c r="A25" s="37"/>
      <c r="B25" s="82" t="s">
        <v>114</v>
      </c>
      <c r="C25" s="39"/>
      <c r="D25" s="149">
        <v>13089</v>
      </c>
      <c r="E25" s="149">
        <v>5783</v>
      </c>
      <c r="F25" s="149">
        <v>7065</v>
      </c>
      <c r="G25" s="149">
        <v>241</v>
      </c>
      <c r="H25" s="149">
        <v>12252</v>
      </c>
      <c r="I25" s="149">
        <v>5274</v>
      </c>
      <c r="J25" s="149">
        <v>6760</v>
      </c>
      <c r="K25" s="158">
        <v>218</v>
      </c>
    </row>
    <row r="26" spans="1:11" ht="9.75" customHeight="1">
      <c r="A26" s="37"/>
      <c r="B26" s="82" t="s">
        <v>115</v>
      </c>
      <c r="C26" s="39"/>
      <c r="D26" s="149">
        <v>6379</v>
      </c>
      <c r="E26" s="149">
        <v>2294</v>
      </c>
      <c r="F26" s="149">
        <v>3978</v>
      </c>
      <c r="G26" s="149">
        <v>107</v>
      </c>
      <c r="H26" s="149">
        <v>5311</v>
      </c>
      <c r="I26" s="149">
        <v>1871</v>
      </c>
      <c r="J26" s="149">
        <v>3367</v>
      </c>
      <c r="K26" s="158">
        <v>73</v>
      </c>
    </row>
    <row r="27" spans="1:11" ht="9.75" customHeight="1">
      <c r="A27" s="37"/>
      <c r="B27" s="82" t="s">
        <v>116</v>
      </c>
      <c r="C27" s="39"/>
      <c r="D27" s="149">
        <v>6513</v>
      </c>
      <c r="E27" s="149">
        <v>2328</v>
      </c>
      <c r="F27" s="149">
        <v>4085</v>
      </c>
      <c r="G27" s="149">
        <v>100</v>
      </c>
      <c r="H27" s="149">
        <v>6073</v>
      </c>
      <c r="I27" s="149">
        <v>2138</v>
      </c>
      <c r="J27" s="149">
        <v>3817</v>
      </c>
      <c r="K27" s="158">
        <v>118</v>
      </c>
    </row>
    <row r="28" spans="1:11" ht="9.75" customHeight="1">
      <c r="A28" s="37"/>
      <c r="B28" s="82" t="s">
        <v>117</v>
      </c>
      <c r="C28" s="39"/>
      <c r="D28" s="149">
        <v>5414</v>
      </c>
      <c r="E28" s="149">
        <v>1751</v>
      </c>
      <c r="F28" s="149">
        <v>3536</v>
      </c>
      <c r="G28" s="149">
        <v>127</v>
      </c>
      <c r="H28" s="149">
        <v>5087</v>
      </c>
      <c r="I28" s="149">
        <v>1743</v>
      </c>
      <c r="J28" s="149">
        <v>3261</v>
      </c>
      <c r="K28" s="158">
        <v>83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02481</v>
      </c>
      <c r="E30" s="152">
        <v>65333</v>
      </c>
      <c r="F30" s="152">
        <v>36165</v>
      </c>
      <c r="G30" s="152">
        <v>983</v>
      </c>
      <c r="H30" s="152">
        <v>101633</v>
      </c>
      <c r="I30" s="152">
        <v>58554</v>
      </c>
      <c r="J30" s="152">
        <v>40720</v>
      </c>
      <c r="K30" s="159">
        <v>2359</v>
      </c>
    </row>
    <row r="31" spans="1:11" ht="9.75" customHeight="1">
      <c r="A31" s="37"/>
      <c r="B31" s="82" t="s">
        <v>119</v>
      </c>
      <c r="C31" s="39"/>
      <c r="D31" s="149">
        <v>14603</v>
      </c>
      <c r="E31" s="149">
        <v>9461</v>
      </c>
      <c r="F31" s="149">
        <v>4940</v>
      </c>
      <c r="G31" s="149">
        <v>202</v>
      </c>
      <c r="H31" s="149">
        <v>15475</v>
      </c>
      <c r="I31" s="149">
        <v>8648</v>
      </c>
      <c r="J31" s="149">
        <v>5966</v>
      </c>
      <c r="K31" s="158">
        <v>861</v>
      </c>
    </row>
    <row r="32" spans="1:11" ht="9.75" customHeight="1">
      <c r="A32" s="37"/>
      <c r="B32" s="82" t="s">
        <v>120</v>
      </c>
      <c r="C32" s="39"/>
      <c r="D32" s="149">
        <v>10638</v>
      </c>
      <c r="E32" s="149">
        <v>5798</v>
      </c>
      <c r="F32" s="149">
        <v>4720</v>
      </c>
      <c r="G32" s="149">
        <v>120</v>
      </c>
      <c r="H32" s="149">
        <v>10525</v>
      </c>
      <c r="I32" s="149">
        <v>5330</v>
      </c>
      <c r="J32" s="149">
        <v>4939</v>
      </c>
      <c r="K32" s="158">
        <v>256</v>
      </c>
    </row>
    <row r="33" spans="1:11" ht="9.75" customHeight="1">
      <c r="A33" s="37"/>
      <c r="B33" s="82" t="s">
        <v>121</v>
      </c>
      <c r="C33" s="39"/>
      <c r="D33" s="149">
        <v>21013</v>
      </c>
      <c r="E33" s="149">
        <v>13925</v>
      </c>
      <c r="F33" s="149">
        <v>6912</v>
      </c>
      <c r="G33" s="149">
        <v>176</v>
      </c>
      <c r="H33" s="149">
        <v>21606</v>
      </c>
      <c r="I33" s="149">
        <v>12160</v>
      </c>
      <c r="J33" s="149">
        <v>9182</v>
      </c>
      <c r="K33" s="158">
        <v>264</v>
      </c>
    </row>
    <row r="34" spans="1:11" ht="9.75" customHeight="1">
      <c r="A34" s="37"/>
      <c r="B34" s="82" t="s">
        <v>122</v>
      </c>
      <c r="C34" s="39"/>
      <c r="D34" s="149">
        <v>16284</v>
      </c>
      <c r="E34" s="149">
        <v>10110</v>
      </c>
      <c r="F34" s="149">
        <v>6021</v>
      </c>
      <c r="G34" s="149">
        <v>153</v>
      </c>
      <c r="H34" s="149">
        <v>16222</v>
      </c>
      <c r="I34" s="149">
        <v>9051</v>
      </c>
      <c r="J34" s="149">
        <v>6820</v>
      </c>
      <c r="K34" s="158">
        <v>351</v>
      </c>
    </row>
    <row r="35" spans="1:11" ht="9.75" customHeight="1">
      <c r="A35" s="37"/>
      <c r="B35" s="82" t="s">
        <v>123</v>
      </c>
      <c r="C35" s="39"/>
      <c r="D35" s="149">
        <v>13772</v>
      </c>
      <c r="E35" s="149">
        <v>8328</v>
      </c>
      <c r="F35" s="149">
        <v>5327</v>
      </c>
      <c r="G35" s="149">
        <v>117</v>
      </c>
      <c r="H35" s="149">
        <v>13121</v>
      </c>
      <c r="I35" s="149">
        <v>7464</v>
      </c>
      <c r="J35" s="149">
        <v>5483</v>
      </c>
      <c r="K35" s="158">
        <v>174</v>
      </c>
    </row>
    <row r="36" spans="1:11" ht="9.75" customHeight="1">
      <c r="A36" s="37"/>
      <c r="B36" s="82" t="s">
        <v>124</v>
      </c>
      <c r="C36" s="39"/>
      <c r="D36" s="149">
        <v>16361</v>
      </c>
      <c r="E36" s="149">
        <v>11175</v>
      </c>
      <c r="F36" s="149">
        <v>5094</v>
      </c>
      <c r="G36" s="149">
        <v>92</v>
      </c>
      <c r="H36" s="149">
        <v>15090</v>
      </c>
      <c r="I36" s="149">
        <v>9591</v>
      </c>
      <c r="J36" s="149">
        <v>5243</v>
      </c>
      <c r="K36" s="158">
        <v>256</v>
      </c>
    </row>
    <row r="37" spans="1:11" ht="9.75" customHeight="1">
      <c r="A37" s="37"/>
      <c r="B37" s="82" t="s">
        <v>125</v>
      </c>
      <c r="C37" s="39"/>
      <c r="D37" s="149">
        <v>9810</v>
      </c>
      <c r="E37" s="149">
        <v>6536</v>
      </c>
      <c r="F37" s="149">
        <v>3151</v>
      </c>
      <c r="G37" s="149">
        <v>123</v>
      </c>
      <c r="H37" s="149">
        <v>9594</v>
      </c>
      <c r="I37" s="149">
        <v>6310</v>
      </c>
      <c r="J37" s="149">
        <v>3087</v>
      </c>
      <c r="K37" s="158">
        <v>197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34124</v>
      </c>
      <c r="E39" s="152">
        <v>18681</v>
      </c>
      <c r="F39" s="152">
        <v>14962</v>
      </c>
      <c r="G39" s="152">
        <v>481</v>
      </c>
      <c r="H39" s="152">
        <v>31032</v>
      </c>
      <c r="I39" s="152">
        <v>16621</v>
      </c>
      <c r="J39" s="152">
        <v>13493</v>
      </c>
      <c r="K39" s="159">
        <v>918</v>
      </c>
    </row>
    <row r="40" spans="1:11" ht="9.75" customHeight="1">
      <c r="A40" s="37"/>
      <c r="B40" s="82" t="s">
        <v>111</v>
      </c>
      <c r="C40" s="39"/>
      <c r="D40" s="149">
        <v>7108</v>
      </c>
      <c r="E40" s="149">
        <v>4408</v>
      </c>
      <c r="F40" s="149">
        <v>2589</v>
      </c>
      <c r="G40" s="149">
        <v>111</v>
      </c>
      <c r="H40" s="149">
        <v>6858</v>
      </c>
      <c r="I40" s="149">
        <v>4090</v>
      </c>
      <c r="J40" s="149">
        <v>2561</v>
      </c>
      <c r="K40" s="158">
        <v>207</v>
      </c>
    </row>
    <row r="41" spans="1:11" ht="9.75" customHeight="1">
      <c r="A41" s="37"/>
      <c r="B41" s="82" t="s">
        <v>127</v>
      </c>
      <c r="C41" s="39"/>
      <c r="D41" s="149">
        <v>12063</v>
      </c>
      <c r="E41" s="149">
        <v>6495</v>
      </c>
      <c r="F41" s="149">
        <v>5423</v>
      </c>
      <c r="G41" s="149">
        <v>145</v>
      </c>
      <c r="H41" s="149">
        <v>11036</v>
      </c>
      <c r="I41" s="149">
        <v>5742</v>
      </c>
      <c r="J41" s="149">
        <v>4954</v>
      </c>
      <c r="K41" s="158">
        <v>340</v>
      </c>
    </row>
    <row r="42" spans="1:11" ht="9.75" customHeight="1">
      <c r="A42" s="37"/>
      <c r="B42" s="82" t="s">
        <v>104</v>
      </c>
      <c r="C42" s="39"/>
      <c r="D42" s="149">
        <v>14953</v>
      </c>
      <c r="E42" s="149">
        <v>7778</v>
      </c>
      <c r="F42" s="149">
        <v>6950</v>
      </c>
      <c r="G42" s="149">
        <v>225</v>
      </c>
      <c r="H42" s="149">
        <v>13138</v>
      </c>
      <c r="I42" s="149">
        <v>6789</v>
      </c>
      <c r="J42" s="149">
        <v>5978</v>
      </c>
      <c r="K42" s="158">
        <v>371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14118</v>
      </c>
      <c r="E44" s="149">
        <v>9102</v>
      </c>
      <c r="F44" s="149">
        <v>4694</v>
      </c>
      <c r="G44" s="149">
        <v>322</v>
      </c>
      <c r="H44" s="149">
        <v>14839</v>
      </c>
      <c r="I44" s="149">
        <v>9113</v>
      </c>
      <c r="J44" s="149">
        <v>5711</v>
      </c>
      <c r="K44" s="158">
        <v>15</v>
      </c>
    </row>
    <row r="45" spans="1:11" ht="9.75" customHeight="1">
      <c r="A45" s="244" t="s">
        <v>129</v>
      </c>
      <c r="B45" s="245"/>
      <c r="C45" s="39"/>
      <c r="D45" s="149">
        <v>8918</v>
      </c>
      <c r="E45" s="149">
        <v>4153</v>
      </c>
      <c r="F45" s="149">
        <v>4576</v>
      </c>
      <c r="G45" s="149">
        <v>189</v>
      </c>
      <c r="H45" s="149">
        <v>8187</v>
      </c>
      <c r="I45" s="149">
        <v>3736</v>
      </c>
      <c r="J45" s="149">
        <v>4182</v>
      </c>
      <c r="K45" s="158">
        <v>269</v>
      </c>
    </row>
    <row r="46" spans="1:11" ht="9.75" customHeight="1">
      <c r="A46" s="244" t="s">
        <v>130</v>
      </c>
      <c r="B46" s="245"/>
      <c r="C46" s="39"/>
      <c r="D46" s="149">
        <v>7854</v>
      </c>
      <c r="E46" s="149">
        <v>4504</v>
      </c>
      <c r="F46" s="149">
        <v>3312</v>
      </c>
      <c r="G46" s="149">
        <v>38</v>
      </c>
      <c r="H46" s="149">
        <v>6696</v>
      </c>
      <c r="I46" s="149">
        <v>3120</v>
      </c>
      <c r="J46" s="149">
        <v>3511</v>
      </c>
      <c r="K46" s="158">
        <v>65</v>
      </c>
    </row>
    <row r="47" spans="1:11" ht="9.75" customHeight="1">
      <c r="A47" s="244" t="s">
        <v>131</v>
      </c>
      <c r="B47" s="245"/>
      <c r="C47" s="39"/>
      <c r="D47" s="149">
        <v>21470</v>
      </c>
      <c r="E47" s="149">
        <v>11672</v>
      </c>
      <c r="F47" s="149">
        <v>9624</v>
      </c>
      <c r="G47" s="149">
        <v>174</v>
      </c>
      <c r="H47" s="149">
        <v>16903</v>
      </c>
      <c r="I47" s="149">
        <v>7956</v>
      </c>
      <c r="J47" s="149">
        <v>8668</v>
      </c>
      <c r="K47" s="158">
        <v>279</v>
      </c>
    </row>
    <row r="48" spans="1:11" ht="9.75" customHeight="1">
      <c r="A48" s="244" t="s">
        <v>132</v>
      </c>
      <c r="B48" s="245"/>
      <c r="C48" s="39"/>
      <c r="D48" s="149">
        <v>6942</v>
      </c>
      <c r="E48" s="149">
        <v>3758</v>
      </c>
      <c r="F48" s="149">
        <v>3141</v>
      </c>
      <c r="G48" s="149">
        <v>43</v>
      </c>
      <c r="H48" s="149">
        <v>6387</v>
      </c>
      <c r="I48" s="149">
        <v>3240</v>
      </c>
      <c r="J48" s="149">
        <v>3078</v>
      </c>
      <c r="K48" s="158">
        <v>69</v>
      </c>
    </row>
    <row r="49" spans="1:11" ht="9.75" customHeight="1">
      <c r="A49" s="244" t="s">
        <v>133</v>
      </c>
      <c r="B49" s="245"/>
      <c r="C49" s="39"/>
      <c r="D49" s="149">
        <v>10146</v>
      </c>
      <c r="E49" s="149">
        <v>4932</v>
      </c>
      <c r="F49" s="149">
        <v>5163</v>
      </c>
      <c r="G49" s="149">
        <v>51</v>
      </c>
      <c r="H49" s="149">
        <v>7988</v>
      </c>
      <c r="I49" s="149">
        <v>3603</v>
      </c>
      <c r="J49" s="149">
        <v>4326</v>
      </c>
      <c r="K49" s="158">
        <v>59</v>
      </c>
    </row>
    <row r="50" spans="1:11" ht="9.75" customHeight="1">
      <c r="A50" s="244" t="s">
        <v>134</v>
      </c>
      <c r="B50" s="245"/>
      <c r="C50" s="39"/>
      <c r="D50" s="149">
        <v>2457</v>
      </c>
      <c r="E50" s="149">
        <v>1460</v>
      </c>
      <c r="F50" s="149">
        <v>971</v>
      </c>
      <c r="G50" s="149">
        <v>26</v>
      </c>
      <c r="H50" s="149">
        <v>2295</v>
      </c>
      <c r="I50" s="149">
        <v>979</v>
      </c>
      <c r="J50" s="149">
        <v>1287</v>
      </c>
      <c r="K50" s="158">
        <v>29</v>
      </c>
    </row>
    <row r="51" spans="1:11" ht="9.75" customHeight="1">
      <c r="A51" s="244" t="s">
        <v>135</v>
      </c>
      <c r="B51" s="245"/>
      <c r="C51" s="39"/>
      <c r="D51" s="149">
        <v>1164</v>
      </c>
      <c r="E51" s="149">
        <v>495</v>
      </c>
      <c r="F51" s="149">
        <v>654</v>
      </c>
      <c r="G51" s="149">
        <v>15</v>
      </c>
      <c r="H51" s="149">
        <v>1181</v>
      </c>
      <c r="I51" s="149">
        <v>407</v>
      </c>
      <c r="J51" s="149">
        <v>749</v>
      </c>
      <c r="K51" s="158">
        <v>25</v>
      </c>
    </row>
    <row r="52" spans="1:11" ht="9.75" customHeight="1">
      <c r="A52" s="244" t="s">
        <v>136</v>
      </c>
      <c r="B52" s="245"/>
      <c r="C52" s="39"/>
      <c r="D52" s="149">
        <v>5821</v>
      </c>
      <c r="E52" s="149">
        <v>2856</v>
      </c>
      <c r="F52" s="149">
        <v>2869</v>
      </c>
      <c r="G52" s="149">
        <v>96</v>
      </c>
      <c r="H52" s="149">
        <v>5422</v>
      </c>
      <c r="I52" s="149">
        <v>2771</v>
      </c>
      <c r="J52" s="149">
        <v>2573</v>
      </c>
      <c r="K52" s="158">
        <v>78</v>
      </c>
    </row>
    <row r="53" spans="1:11" ht="9.75" customHeight="1">
      <c r="A53" s="244" t="s">
        <v>137</v>
      </c>
      <c r="B53" s="245"/>
      <c r="C53" s="39"/>
      <c r="D53" s="149">
        <v>10144</v>
      </c>
      <c r="E53" s="149">
        <v>5359</v>
      </c>
      <c r="F53" s="149">
        <v>4615</v>
      </c>
      <c r="G53" s="149">
        <v>170</v>
      </c>
      <c r="H53" s="149">
        <v>9582</v>
      </c>
      <c r="I53" s="149">
        <v>4653</v>
      </c>
      <c r="J53" s="149">
        <v>4524</v>
      </c>
      <c r="K53" s="158">
        <v>405</v>
      </c>
    </row>
    <row r="54" spans="1:11" ht="9.75" customHeight="1">
      <c r="A54" s="244" t="s">
        <v>138</v>
      </c>
      <c r="B54" s="245"/>
      <c r="C54" s="39"/>
      <c r="D54" s="149">
        <v>13570</v>
      </c>
      <c r="E54" s="149">
        <v>5521</v>
      </c>
      <c r="F54" s="149">
        <v>7542</v>
      </c>
      <c r="G54" s="149">
        <v>507</v>
      </c>
      <c r="H54" s="149">
        <v>11202</v>
      </c>
      <c r="I54" s="149">
        <v>4592</v>
      </c>
      <c r="J54" s="149">
        <v>5929</v>
      </c>
      <c r="K54" s="158">
        <v>681</v>
      </c>
    </row>
    <row r="55" spans="1:11" ht="9.75" customHeight="1">
      <c r="A55" s="244" t="s">
        <v>139</v>
      </c>
      <c r="B55" s="245"/>
      <c r="C55" s="39"/>
      <c r="D55" s="149">
        <v>4463</v>
      </c>
      <c r="E55" s="149">
        <v>2029</v>
      </c>
      <c r="F55" s="149">
        <v>2386</v>
      </c>
      <c r="G55" s="149">
        <v>48</v>
      </c>
      <c r="H55" s="149">
        <v>4459</v>
      </c>
      <c r="I55" s="149">
        <v>1948</v>
      </c>
      <c r="J55" s="149">
        <v>2422</v>
      </c>
      <c r="K55" s="158">
        <v>89</v>
      </c>
    </row>
    <row r="56" spans="1:11" ht="9.75" customHeight="1">
      <c r="A56" s="244" t="s">
        <v>140</v>
      </c>
      <c r="B56" s="245"/>
      <c r="C56" s="39"/>
      <c r="D56" s="149">
        <v>6699</v>
      </c>
      <c r="E56" s="149">
        <v>2602</v>
      </c>
      <c r="F56" s="149">
        <v>4057</v>
      </c>
      <c r="G56" s="149">
        <v>40</v>
      </c>
      <c r="H56" s="149">
        <v>5719</v>
      </c>
      <c r="I56" s="149">
        <v>2274</v>
      </c>
      <c r="J56" s="149">
        <v>3331</v>
      </c>
      <c r="K56" s="158">
        <v>114</v>
      </c>
    </row>
    <row r="57" spans="1:11" ht="9.75" customHeight="1">
      <c r="A57" s="244" t="s">
        <v>141</v>
      </c>
      <c r="B57" s="245"/>
      <c r="C57" s="39"/>
      <c r="D57" s="149">
        <v>6224</v>
      </c>
      <c r="E57" s="149">
        <v>2556</v>
      </c>
      <c r="F57" s="149">
        <v>3613</v>
      </c>
      <c r="G57" s="149">
        <v>55</v>
      </c>
      <c r="H57" s="149">
        <v>5936</v>
      </c>
      <c r="I57" s="149">
        <v>2409</v>
      </c>
      <c r="J57" s="149">
        <v>3409</v>
      </c>
      <c r="K57" s="158">
        <v>118</v>
      </c>
    </row>
    <row r="58" spans="1:11" ht="9.75" customHeight="1">
      <c r="A58" s="244" t="s">
        <v>142</v>
      </c>
      <c r="B58" s="245"/>
      <c r="C58" s="39"/>
      <c r="D58" s="149">
        <v>1322</v>
      </c>
      <c r="E58" s="149">
        <v>448</v>
      </c>
      <c r="F58" s="149">
        <v>863</v>
      </c>
      <c r="G58" s="149">
        <v>11</v>
      </c>
      <c r="H58" s="149">
        <v>1371</v>
      </c>
      <c r="I58" s="149">
        <v>452</v>
      </c>
      <c r="J58" s="149">
        <v>893</v>
      </c>
      <c r="K58" s="158">
        <v>26</v>
      </c>
    </row>
    <row r="59" spans="1:11" ht="9.75" customHeight="1">
      <c r="A59" s="244" t="s">
        <v>143</v>
      </c>
      <c r="B59" s="245"/>
      <c r="C59" s="39"/>
      <c r="D59" s="149">
        <v>3688</v>
      </c>
      <c r="E59" s="149">
        <v>1389</v>
      </c>
      <c r="F59" s="149">
        <v>2154</v>
      </c>
      <c r="G59" s="149">
        <v>145</v>
      </c>
      <c r="H59" s="149">
        <v>3837</v>
      </c>
      <c r="I59" s="149">
        <v>1424</v>
      </c>
      <c r="J59" s="149">
        <v>2242</v>
      </c>
      <c r="K59" s="158">
        <v>171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9">
        <v>1330</v>
      </c>
      <c r="E61" s="149">
        <v>743</v>
      </c>
      <c r="F61" s="149">
        <v>545</v>
      </c>
      <c r="G61" s="149">
        <v>42</v>
      </c>
      <c r="H61" s="149">
        <v>1145</v>
      </c>
      <c r="I61" s="149">
        <v>543</v>
      </c>
      <c r="J61" s="149">
        <v>577</v>
      </c>
      <c r="K61" s="158">
        <v>25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9">
        <v>2115</v>
      </c>
      <c r="E63" s="149">
        <v>700</v>
      </c>
      <c r="F63" s="149">
        <v>1394</v>
      </c>
      <c r="G63" s="149">
        <v>21</v>
      </c>
      <c r="H63" s="149">
        <v>1769</v>
      </c>
      <c r="I63" s="149">
        <v>605</v>
      </c>
      <c r="J63" s="149">
        <v>1135</v>
      </c>
      <c r="K63" s="158">
        <v>29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2234</v>
      </c>
      <c r="E65" s="152">
        <v>901</v>
      </c>
      <c r="F65" s="152">
        <v>1308</v>
      </c>
      <c r="G65" s="152">
        <v>25</v>
      </c>
      <c r="H65" s="152">
        <v>2117</v>
      </c>
      <c r="I65" s="152">
        <v>844</v>
      </c>
      <c r="J65" s="152">
        <v>1255</v>
      </c>
      <c r="K65" s="159">
        <v>18</v>
      </c>
    </row>
    <row r="66" spans="1:11" ht="9.75" customHeight="1">
      <c r="A66" s="37"/>
      <c r="B66" s="82" t="s">
        <v>147</v>
      </c>
      <c r="C66" s="39"/>
      <c r="D66" s="149">
        <v>1132</v>
      </c>
      <c r="E66" s="149">
        <v>474</v>
      </c>
      <c r="F66" s="149">
        <v>648</v>
      </c>
      <c r="G66" s="149">
        <v>10</v>
      </c>
      <c r="H66" s="149">
        <v>1124</v>
      </c>
      <c r="I66" s="149">
        <v>443</v>
      </c>
      <c r="J66" s="149">
        <v>673</v>
      </c>
      <c r="K66" s="158">
        <v>8</v>
      </c>
    </row>
    <row r="67" spans="1:11" ht="9.75" customHeight="1">
      <c r="A67" s="37"/>
      <c r="B67" s="82" t="s">
        <v>148</v>
      </c>
      <c r="C67" s="39"/>
      <c r="D67" s="149">
        <v>1102</v>
      </c>
      <c r="E67" s="149">
        <v>427</v>
      </c>
      <c r="F67" s="149">
        <v>660</v>
      </c>
      <c r="G67" s="149">
        <v>15</v>
      </c>
      <c r="H67" s="149">
        <v>993</v>
      </c>
      <c r="I67" s="149">
        <v>401</v>
      </c>
      <c r="J67" s="149">
        <v>582</v>
      </c>
      <c r="K67" s="158">
        <v>10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2350</v>
      </c>
      <c r="E69" s="152">
        <v>829</v>
      </c>
      <c r="F69" s="152">
        <v>1481</v>
      </c>
      <c r="G69" s="152">
        <v>40</v>
      </c>
      <c r="H69" s="152">
        <v>2290</v>
      </c>
      <c r="I69" s="152">
        <v>838</v>
      </c>
      <c r="J69" s="152">
        <v>1405</v>
      </c>
      <c r="K69" s="159">
        <v>47</v>
      </c>
    </row>
    <row r="70" spans="1:11" ht="9.75" customHeight="1">
      <c r="A70" s="37"/>
      <c r="B70" s="82" t="s">
        <v>150</v>
      </c>
      <c r="C70" s="39"/>
      <c r="D70" s="149">
        <v>237</v>
      </c>
      <c r="E70" s="149">
        <v>87</v>
      </c>
      <c r="F70" s="149">
        <v>146</v>
      </c>
      <c r="G70" s="149">
        <v>4</v>
      </c>
      <c r="H70" s="149">
        <v>301</v>
      </c>
      <c r="I70" s="149">
        <v>116</v>
      </c>
      <c r="J70" s="149">
        <v>173</v>
      </c>
      <c r="K70" s="158">
        <v>12</v>
      </c>
    </row>
    <row r="71" spans="1:11" ht="9.75" customHeight="1">
      <c r="A71" s="37"/>
      <c r="B71" s="82" t="s">
        <v>151</v>
      </c>
      <c r="C71" s="39"/>
      <c r="D71" s="149">
        <v>687</v>
      </c>
      <c r="E71" s="149">
        <v>201</v>
      </c>
      <c r="F71" s="149">
        <v>471</v>
      </c>
      <c r="G71" s="149">
        <v>15</v>
      </c>
      <c r="H71" s="149">
        <v>590</v>
      </c>
      <c r="I71" s="149">
        <v>177</v>
      </c>
      <c r="J71" s="149">
        <v>393</v>
      </c>
      <c r="K71" s="158">
        <v>20</v>
      </c>
    </row>
    <row r="72" spans="1:11" ht="9.75" customHeight="1">
      <c r="A72" s="37"/>
      <c r="B72" s="82" t="s">
        <v>152</v>
      </c>
      <c r="C72" s="39"/>
      <c r="D72" s="149">
        <v>458</v>
      </c>
      <c r="E72" s="149">
        <v>234</v>
      </c>
      <c r="F72" s="149">
        <v>221</v>
      </c>
      <c r="G72" s="149">
        <v>3</v>
      </c>
      <c r="H72" s="149">
        <v>549</v>
      </c>
      <c r="I72" s="149">
        <v>257</v>
      </c>
      <c r="J72" s="149">
        <v>288</v>
      </c>
      <c r="K72" s="158">
        <v>4</v>
      </c>
    </row>
    <row r="73" spans="1:11" ht="9.75" customHeight="1">
      <c r="A73" s="37"/>
      <c r="B73" s="82" t="s">
        <v>153</v>
      </c>
      <c r="C73" s="39"/>
      <c r="D73" s="149">
        <v>224</v>
      </c>
      <c r="E73" s="149">
        <v>88</v>
      </c>
      <c r="F73" s="149">
        <v>131</v>
      </c>
      <c r="G73" s="149">
        <v>5</v>
      </c>
      <c r="H73" s="149">
        <v>263</v>
      </c>
      <c r="I73" s="149">
        <v>73</v>
      </c>
      <c r="J73" s="149">
        <v>188</v>
      </c>
      <c r="K73" s="158">
        <v>2</v>
      </c>
    </row>
    <row r="74" spans="1:11" ht="9.75" customHeight="1">
      <c r="A74" s="37"/>
      <c r="B74" s="82" t="s">
        <v>154</v>
      </c>
      <c r="C74" s="39"/>
      <c r="D74" s="149">
        <v>744</v>
      </c>
      <c r="E74" s="149">
        <v>219</v>
      </c>
      <c r="F74" s="149">
        <v>512</v>
      </c>
      <c r="G74" s="149">
        <v>13</v>
      </c>
      <c r="H74" s="149">
        <v>587</v>
      </c>
      <c r="I74" s="149">
        <v>215</v>
      </c>
      <c r="J74" s="149">
        <v>363</v>
      </c>
      <c r="K74" s="158">
        <v>9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2248</v>
      </c>
      <c r="E76" s="152">
        <v>1397</v>
      </c>
      <c r="F76" s="152">
        <v>789</v>
      </c>
      <c r="G76" s="152">
        <v>62</v>
      </c>
      <c r="H76" s="152">
        <v>2254</v>
      </c>
      <c r="I76" s="152">
        <v>1115</v>
      </c>
      <c r="J76" s="152">
        <v>1055</v>
      </c>
      <c r="K76" s="159">
        <v>84</v>
      </c>
    </row>
    <row r="77" spans="1:11" ht="9.75" customHeight="1">
      <c r="A77" s="37"/>
      <c r="B77" s="82" t="s">
        <v>156</v>
      </c>
      <c r="C77" s="39"/>
      <c r="D77" s="149">
        <v>1020</v>
      </c>
      <c r="E77" s="149">
        <v>652</v>
      </c>
      <c r="F77" s="149">
        <v>320</v>
      </c>
      <c r="G77" s="149">
        <v>48</v>
      </c>
      <c r="H77" s="149">
        <v>1031</v>
      </c>
      <c r="I77" s="149">
        <v>532</v>
      </c>
      <c r="J77" s="149">
        <v>427</v>
      </c>
      <c r="K77" s="158">
        <v>72</v>
      </c>
    </row>
    <row r="78" spans="1:11" ht="9.75" customHeight="1">
      <c r="A78" s="37"/>
      <c r="B78" s="82" t="s">
        <v>157</v>
      </c>
      <c r="C78" s="39"/>
      <c r="D78" s="149">
        <v>191</v>
      </c>
      <c r="E78" s="149">
        <v>85</v>
      </c>
      <c r="F78" s="149">
        <v>105</v>
      </c>
      <c r="G78" s="149">
        <v>1</v>
      </c>
      <c r="H78" s="149">
        <v>203</v>
      </c>
      <c r="I78" s="149">
        <v>72</v>
      </c>
      <c r="J78" s="149">
        <v>130</v>
      </c>
      <c r="K78" s="158">
        <v>1</v>
      </c>
    </row>
    <row r="79" spans="1:11" ht="9.75" customHeight="1">
      <c r="A79" s="37"/>
      <c r="B79" s="82" t="s">
        <v>158</v>
      </c>
      <c r="C79" s="39"/>
      <c r="D79" s="149">
        <v>1037</v>
      </c>
      <c r="E79" s="149">
        <v>660</v>
      </c>
      <c r="F79" s="149">
        <v>364</v>
      </c>
      <c r="G79" s="149">
        <v>13</v>
      </c>
      <c r="H79" s="149">
        <v>1020</v>
      </c>
      <c r="I79" s="149">
        <v>511</v>
      </c>
      <c r="J79" s="149">
        <v>498</v>
      </c>
      <c r="K79" s="158">
        <v>11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1733</v>
      </c>
      <c r="E81" s="152">
        <v>731</v>
      </c>
      <c r="F81" s="152">
        <v>966</v>
      </c>
      <c r="G81" s="152">
        <v>36</v>
      </c>
      <c r="H81" s="152">
        <v>1748</v>
      </c>
      <c r="I81" s="152">
        <v>659</v>
      </c>
      <c r="J81" s="152">
        <v>1009</v>
      </c>
      <c r="K81" s="159">
        <v>80</v>
      </c>
    </row>
    <row r="82" spans="1:11" ht="9.75" customHeight="1">
      <c r="A82" s="37"/>
      <c r="B82" s="82" t="s">
        <v>160</v>
      </c>
      <c r="C82" s="39"/>
      <c r="D82" s="149">
        <v>1632</v>
      </c>
      <c r="E82" s="149">
        <v>693</v>
      </c>
      <c r="F82" s="149">
        <v>903</v>
      </c>
      <c r="G82" s="149">
        <v>36</v>
      </c>
      <c r="H82" s="149">
        <v>1647</v>
      </c>
      <c r="I82" s="149">
        <v>637</v>
      </c>
      <c r="J82" s="149">
        <v>931</v>
      </c>
      <c r="K82" s="158">
        <v>79</v>
      </c>
    </row>
    <row r="83" spans="1:11" ht="9.75" customHeight="1">
      <c r="A83" s="37"/>
      <c r="B83" s="82" t="s">
        <v>161</v>
      </c>
      <c r="C83" s="39"/>
      <c r="D83" s="149">
        <v>101</v>
      </c>
      <c r="E83" s="149">
        <v>38</v>
      </c>
      <c r="F83" s="149">
        <v>63</v>
      </c>
      <c r="G83" s="149">
        <v>0</v>
      </c>
      <c r="H83" s="149">
        <v>101</v>
      </c>
      <c r="I83" s="149">
        <v>22</v>
      </c>
      <c r="J83" s="149">
        <v>78</v>
      </c>
      <c r="K83" s="158">
        <v>1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13.5" customHeight="1">
      <c r="A85" s="70" t="s">
        <v>167</v>
      </c>
      <c r="B85" s="161"/>
      <c r="C85" s="161"/>
      <c r="D85" s="161"/>
      <c r="E85" s="161"/>
      <c r="F85" s="161"/>
      <c r="G85" s="161"/>
      <c r="H85" s="161"/>
      <c r="I85" s="161"/>
      <c r="J85" s="161"/>
    </row>
    <row r="86" spans="1:11" ht="0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9" orientation="portrait" r:id="rId1"/>
  <headerFooter>
    <oddFooter xml:space="preserve">&amp;C&amp;"HGPｺﾞｼｯｸM,ﾒﾃﾞｨｳﾑ"&amp;9
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68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9</v>
      </c>
      <c r="B2" s="202"/>
      <c r="C2" s="202"/>
      <c r="I2" s="236"/>
      <c r="J2" s="236"/>
      <c r="K2" s="236"/>
    </row>
    <row r="3" spans="1:22" ht="15" customHeight="1">
      <c r="A3" s="203" t="s">
        <v>92</v>
      </c>
      <c r="B3" s="204"/>
      <c r="C3" s="204"/>
      <c r="D3" s="215" t="s">
        <v>170</v>
      </c>
      <c r="E3" s="204"/>
      <c r="F3" s="204"/>
      <c r="G3" s="251"/>
      <c r="H3" s="215" t="s">
        <v>171</v>
      </c>
      <c r="I3" s="204"/>
      <c r="J3" s="204"/>
      <c r="K3" s="252"/>
    </row>
    <row r="4" spans="1:22" ht="15" customHeight="1">
      <c r="A4" s="207"/>
      <c r="B4" s="208"/>
      <c r="C4" s="208"/>
      <c r="D4" s="74" t="s">
        <v>172</v>
      </c>
      <c r="E4" s="74" t="s">
        <v>173</v>
      </c>
      <c r="F4" s="74" t="s">
        <v>174</v>
      </c>
      <c r="G4" s="74" t="s">
        <v>5</v>
      </c>
      <c r="H4" s="74" t="s">
        <v>175</v>
      </c>
      <c r="I4" s="74" t="s">
        <v>173</v>
      </c>
      <c r="J4" s="74" t="s">
        <v>174</v>
      </c>
      <c r="K4" s="92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246" t="s">
        <v>96</v>
      </c>
      <c r="B6" s="247"/>
      <c r="C6" s="16"/>
      <c r="D6" s="17">
        <v>9236337</v>
      </c>
      <c r="E6" s="17">
        <v>4586915</v>
      </c>
      <c r="F6" s="17">
        <v>4649422</v>
      </c>
      <c r="G6" s="17">
        <v>4228524</v>
      </c>
      <c r="H6" s="17">
        <v>9231822</v>
      </c>
      <c r="I6" s="17">
        <v>4584414</v>
      </c>
      <c r="J6" s="17">
        <v>4647408</v>
      </c>
      <c r="K6" s="156">
        <v>4228333</v>
      </c>
    </row>
    <row r="7" spans="1:22" s="29" customFormat="1" ht="9.75" customHeight="1">
      <c r="A7" s="248" t="s">
        <v>97</v>
      </c>
      <c r="B7" s="249"/>
      <c r="C7" s="32"/>
      <c r="D7" s="146">
        <v>8947488</v>
      </c>
      <c r="E7" s="146">
        <v>4444828</v>
      </c>
      <c r="F7" s="146">
        <v>4502660</v>
      </c>
      <c r="G7" s="146">
        <v>4107426</v>
      </c>
      <c r="H7" s="146">
        <v>8943180</v>
      </c>
      <c r="I7" s="146">
        <v>4442397</v>
      </c>
      <c r="J7" s="146">
        <v>4500783</v>
      </c>
      <c r="K7" s="157">
        <v>4107212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288849</v>
      </c>
      <c r="E8" s="146">
        <v>142087</v>
      </c>
      <c r="F8" s="146">
        <v>146762</v>
      </c>
      <c r="G8" s="146">
        <v>121098</v>
      </c>
      <c r="H8" s="146">
        <v>288642</v>
      </c>
      <c r="I8" s="146">
        <v>142017</v>
      </c>
      <c r="J8" s="146">
        <v>146625</v>
      </c>
      <c r="K8" s="157">
        <v>121121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3776286</v>
      </c>
      <c r="E10" s="152">
        <v>1866381</v>
      </c>
      <c r="F10" s="152">
        <v>1909905</v>
      </c>
      <c r="G10" s="152">
        <v>1754256</v>
      </c>
      <c r="H10" s="152">
        <v>3774271</v>
      </c>
      <c r="I10" s="152">
        <v>1865286</v>
      </c>
      <c r="J10" s="152">
        <v>1908985</v>
      </c>
      <c r="K10" s="159">
        <v>1753846</v>
      </c>
    </row>
    <row r="11" spans="1:22" ht="9.75" customHeight="1">
      <c r="A11" s="37"/>
      <c r="B11" s="82" t="s">
        <v>100</v>
      </c>
      <c r="C11" s="39"/>
      <c r="D11" s="149">
        <v>297147</v>
      </c>
      <c r="E11" s="149">
        <v>153282</v>
      </c>
      <c r="F11" s="149">
        <v>143865</v>
      </c>
      <c r="G11" s="149">
        <v>145555</v>
      </c>
      <c r="H11" s="149">
        <v>296752</v>
      </c>
      <c r="I11" s="149">
        <v>153087</v>
      </c>
      <c r="J11" s="149">
        <v>143665</v>
      </c>
      <c r="K11" s="158">
        <v>145364</v>
      </c>
    </row>
    <row r="12" spans="1:22" ht="9.75" customHeight="1">
      <c r="A12" s="37"/>
      <c r="B12" s="82" t="s">
        <v>101</v>
      </c>
      <c r="C12" s="39"/>
      <c r="D12" s="149">
        <v>247109</v>
      </c>
      <c r="E12" s="149">
        <v>125943</v>
      </c>
      <c r="F12" s="149">
        <v>121166</v>
      </c>
      <c r="G12" s="149">
        <v>129096</v>
      </c>
      <c r="H12" s="149">
        <v>247149</v>
      </c>
      <c r="I12" s="149">
        <v>125958</v>
      </c>
      <c r="J12" s="149">
        <v>121191</v>
      </c>
      <c r="K12" s="158">
        <v>129151</v>
      </c>
    </row>
    <row r="13" spans="1:22" ht="9.75" customHeight="1">
      <c r="A13" s="37"/>
      <c r="B13" s="82" t="s">
        <v>102</v>
      </c>
      <c r="C13" s="39"/>
      <c r="D13" s="149">
        <v>104761</v>
      </c>
      <c r="E13" s="149">
        <v>53064</v>
      </c>
      <c r="F13" s="149">
        <v>51697</v>
      </c>
      <c r="G13" s="149">
        <v>56957</v>
      </c>
      <c r="H13" s="149">
        <v>104789</v>
      </c>
      <c r="I13" s="149">
        <v>53072</v>
      </c>
      <c r="J13" s="149">
        <v>51717</v>
      </c>
      <c r="K13" s="158">
        <v>57007</v>
      </c>
    </row>
    <row r="14" spans="1:22" ht="9.75" customHeight="1">
      <c r="A14" s="37"/>
      <c r="B14" s="82" t="s">
        <v>103</v>
      </c>
      <c r="C14" s="39"/>
      <c r="D14" s="149">
        <v>151389</v>
      </c>
      <c r="E14" s="149">
        <v>77112</v>
      </c>
      <c r="F14" s="149">
        <v>74277</v>
      </c>
      <c r="G14" s="149">
        <v>85211</v>
      </c>
      <c r="H14" s="149">
        <v>151373</v>
      </c>
      <c r="I14" s="149">
        <v>77126</v>
      </c>
      <c r="J14" s="149">
        <v>74247</v>
      </c>
      <c r="K14" s="158">
        <v>85209</v>
      </c>
    </row>
    <row r="15" spans="1:22" ht="9.75" customHeight="1">
      <c r="A15" s="37"/>
      <c r="B15" s="82" t="s">
        <v>104</v>
      </c>
      <c r="C15" s="39"/>
      <c r="D15" s="149">
        <v>198096</v>
      </c>
      <c r="E15" s="149">
        <v>98866</v>
      </c>
      <c r="F15" s="149">
        <v>99230</v>
      </c>
      <c r="G15" s="149">
        <v>103852</v>
      </c>
      <c r="H15" s="149">
        <v>197895</v>
      </c>
      <c r="I15" s="149">
        <v>98750</v>
      </c>
      <c r="J15" s="149">
        <v>99145</v>
      </c>
      <c r="K15" s="158">
        <v>103795</v>
      </c>
    </row>
    <row r="16" spans="1:22" ht="9.75" customHeight="1">
      <c r="A16" s="37"/>
      <c r="B16" s="82" t="s">
        <v>105</v>
      </c>
      <c r="C16" s="39"/>
      <c r="D16" s="149">
        <v>215099</v>
      </c>
      <c r="E16" s="149">
        <v>104914</v>
      </c>
      <c r="F16" s="149">
        <v>110185</v>
      </c>
      <c r="G16" s="149">
        <v>95553</v>
      </c>
      <c r="H16" s="149">
        <v>215019</v>
      </c>
      <c r="I16" s="149">
        <v>104866</v>
      </c>
      <c r="J16" s="149">
        <v>110153</v>
      </c>
      <c r="K16" s="158">
        <v>95551</v>
      </c>
    </row>
    <row r="17" spans="1:11" ht="9.75" customHeight="1">
      <c r="A17" s="37"/>
      <c r="B17" s="82" t="s">
        <v>106</v>
      </c>
      <c r="C17" s="39"/>
      <c r="D17" s="149">
        <v>207649</v>
      </c>
      <c r="E17" s="149">
        <v>101851</v>
      </c>
      <c r="F17" s="149">
        <v>105798</v>
      </c>
      <c r="G17" s="149">
        <v>99152</v>
      </c>
      <c r="H17" s="149">
        <v>207495</v>
      </c>
      <c r="I17" s="149">
        <v>101775</v>
      </c>
      <c r="J17" s="149">
        <v>105720</v>
      </c>
      <c r="K17" s="158">
        <v>99063</v>
      </c>
    </row>
    <row r="18" spans="1:11" ht="9.75" customHeight="1">
      <c r="A18" s="37"/>
      <c r="B18" s="82" t="s">
        <v>107</v>
      </c>
      <c r="C18" s="39"/>
      <c r="D18" s="149">
        <v>244800</v>
      </c>
      <c r="E18" s="149">
        <v>118085</v>
      </c>
      <c r="F18" s="149">
        <v>126715</v>
      </c>
      <c r="G18" s="149">
        <v>107020</v>
      </c>
      <c r="H18" s="149">
        <v>244641</v>
      </c>
      <c r="I18" s="149">
        <v>118010</v>
      </c>
      <c r="J18" s="149">
        <v>126631</v>
      </c>
      <c r="K18" s="158">
        <v>106980</v>
      </c>
    </row>
    <row r="19" spans="1:11" ht="9.75" customHeight="1">
      <c r="A19" s="37"/>
      <c r="B19" s="82" t="s">
        <v>108</v>
      </c>
      <c r="C19" s="39"/>
      <c r="D19" s="149">
        <v>166640</v>
      </c>
      <c r="E19" s="149">
        <v>81982</v>
      </c>
      <c r="F19" s="149">
        <v>84658</v>
      </c>
      <c r="G19" s="149">
        <v>78764</v>
      </c>
      <c r="H19" s="149">
        <v>166439</v>
      </c>
      <c r="I19" s="149">
        <v>81879</v>
      </c>
      <c r="J19" s="149">
        <v>84560</v>
      </c>
      <c r="K19" s="158">
        <v>78681</v>
      </c>
    </row>
    <row r="20" spans="1:11" ht="9.75" customHeight="1">
      <c r="A20" s="37"/>
      <c r="B20" s="82" t="s">
        <v>109</v>
      </c>
      <c r="C20" s="39"/>
      <c r="D20" s="149">
        <v>198596</v>
      </c>
      <c r="E20" s="149">
        <v>96824</v>
      </c>
      <c r="F20" s="149">
        <v>101772</v>
      </c>
      <c r="G20" s="149">
        <v>89757</v>
      </c>
      <c r="H20" s="149">
        <v>198503</v>
      </c>
      <c r="I20" s="149">
        <v>96760</v>
      </c>
      <c r="J20" s="149">
        <v>101743</v>
      </c>
      <c r="K20" s="158">
        <v>89754</v>
      </c>
    </row>
    <row r="21" spans="1:11" ht="9.75" customHeight="1">
      <c r="A21" s="37"/>
      <c r="B21" s="82" t="s">
        <v>110</v>
      </c>
      <c r="C21" s="39"/>
      <c r="D21" s="149">
        <v>358527</v>
      </c>
      <c r="E21" s="149">
        <v>179085</v>
      </c>
      <c r="F21" s="149">
        <v>179442</v>
      </c>
      <c r="G21" s="149">
        <v>175565</v>
      </c>
      <c r="H21" s="149">
        <v>358376</v>
      </c>
      <c r="I21" s="149">
        <v>178998</v>
      </c>
      <c r="J21" s="149">
        <v>179378</v>
      </c>
      <c r="K21" s="158">
        <v>175485</v>
      </c>
    </row>
    <row r="22" spans="1:11" ht="9.75" customHeight="1">
      <c r="A22" s="37"/>
      <c r="B22" s="82" t="s">
        <v>111</v>
      </c>
      <c r="C22" s="39"/>
      <c r="D22" s="149">
        <v>183328</v>
      </c>
      <c r="E22" s="149">
        <v>90250</v>
      </c>
      <c r="F22" s="149">
        <v>93078</v>
      </c>
      <c r="G22" s="149">
        <v>79600</v>
      </c>
      <c r="H22" s="149">
        <v>183321</v>
      </c>
      <c r="I22" s="149">
        <v>90244</v>
      </c>
      <c r="J22" s="149">
        <v>93077</v>
      </c>
      <c r="K22" s="158">
        <v>79669</v>
      </c>
    </row>
    <row r="23" spans="1:11" ht="9.75" customHeight="1">
      <c r="A23" s="37"/>
      <c r="B23" s="82" t="s">
        <v>112</v>
      </c>
      <c r="C23" s="39"/>
      <c r="D23" s="149">
        <v>311009</v>
      </c>
      <c r="E23" s="149">
        <v>150389</v>
      </c>
      <c r="F23" s="149">
        <v>160620</v>
      </c>
      <c r="G23" s="149">
        <v>133143</v>
      </c>
      <c r="H23" s="149">
        <v>310881</v>
      </c>
      <c r="I23" s="149">
        <v>150286</v>
      </c>
      <c r="J23" s="149">
        <v>160595</v>
      </c>
      <c r="K23" s="158">
        <v>133132</v>
      </c>
    </row>
    <row r="24" spans="1:11" ht="9.75" customHeight="1">
      <c r="A24" s="37"/>
      <c r="B24" s="82" t="s">
        <v>113</v>
      </c>
      <c r="C24" s="39"/>
      <c r="D24" s="149">
        <v>213402</v>
      </c>
      <c r="E24" s="149">
        <v>104693</v>
      </c>
      <c r="F24" s="149">
        <v>108709</v>
      </c>
      <c r="G24" s="149">
        <v>84733</v>
      </c>
      <c r="H24" s="149">
        <v>213433</v>
      </c>
      <c r="I24" s="149">
        <v>104714</v>
      </c>
      <c r="J24" s="149">
        <v>108719</v>
      </c>
      <c r="K24" s="158">
        <v>84810</v>
      </c>
    </row>
    <row r="25" spans="1:11" ht="9.75" customHeight="1">
      <c r="A25" s="37"/>
      <c r="B25" s="82" t="s">
        <v>114</v>
      </c>
      <c r="C25" s="39"/>
      <c r="D25" s="149">
        <v>283864</v>
      </c>
      <c r="E25" s="149">
        <v>138402</v>
      </c>
      <c r="F25" s="149">
        <v>145462</v>
      </c>
      <c r="G25" s="149">
        <v>122244</v>
      </c>
      <c r="H25" s="149">
        <v>283752</v>
      </c>
      <c r="I25" s="149">
        <v>138351</v>
      </c>
      <c r="J25" s="149">
        <v>145401</v>
      </c>
      <c r="K25" s="158">
        <v>122302</v>
      </c>
    </row>
    <row r="26" spans="1:11" ht="9.75" customHeight="1">
      <c r="A26" s="37"/>
      <c r="B26" s="82" t="s">
        <v>115</v>
      </c>
      <c r="C26" s="39"/>
      <c r="D26" s="149">
        <v>120051</v>
      </c>
      <c r="E26" s="149">
        <v>58460</v>
      </c>
      <c r="F26" s="149">
        <v>61591</v>
      </c>
      <c r="G26" s="149">
        <v>52639</v>
      </c>
      <c r="H26" s="149">
        <v>119872</v>
      </c>
      <c r="I26" s="149">
        <v>58364</v>
      </c>
      <c r="J26" s="149">
        <v>61508</v>
      </c>
      <c r="K26" s="158">
        <v>52519</v>
      </c>
    </row>
    <row r="27" spans="1:11" ht="9.75" customHeight="1">
      <c r="A27" s="37"/>
      <c r="B27" s="82" t="s">
        <v>116</v>
      </c>
      <c r="C27" s="39"/>
      <c r="D27" s="149">
        <v>152339</v>
      </c>
      <c r="E27" s="149">
        <v>73901</v>
      </c>
      <c r="F27" s="149">
        <v>78438</v>
      </c>
      <c r="G27" s="149">
        <v>62972</v>
      </c>
      <c r="H27" s="149">
        <v>152183</v>
      </c>
      <c r="I27" s="149">
        <v>73817</v>
      </c>
      <c r="J27" s="149">
        <v>78366</v>
      </c>
      <c r="K27" s="158">
        <v>62928</v>
      </c>
    </row>
    <row r="28" spans="1:11" ht="9.75" customHeight="1">
      <c r="A28" s="37"/>
      <c r="B28" s="82" t="s">
        <v>117</v>
      </c>
      <c r="C28" s="39"/>
      <c r="D28" s="149">
        <v>122480</v>
      </c>
      <c r="E28" s="149">
        <v>59278</v>
      </c>
      <c r="F28" s="149">
        <v>63202</v>
      </c>
      <c r="G28" s="149">
        <v>52443</v>
      </c>
      <c r="H28" s="149">
        <v>122398</v>
      </c>
      <c r="I28" s="149">
        <v>59229</v>
      </c>
      <c r="J28" s="149">
        <v>63169</v>
      </c>
      <c r="K28" s="158">
        <v>52446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538133</v>
      </c>
      <c r="E30" s="152">
        <v>775501</v>
      </c>
      <c r="F30" s="152">
        <v>762632</v>
      </c>
      <c r="G30" s="152">
        <v>747778</v>
      </c>
      <c r="H30" s="152">
        <v>1537710</v>
      </c>
      <c r="I30" s="152">
        <v>775270</v>
      </c>
      <c r="J30" s="152">
        <v>762440</v>
      </c>
      <c r="K30" s="159">
        <v>747833</v>
      </c>
    </row>
    <row r="31" spans="1:11" ht="9.75" customHeight="1">
      <c r="A31" s="37"/>
      <c r="B31" s="82" t="s">
        <v>119</v>
      </c>
      <c r="C31" s="39"/>
      <c r="D31" s="149">
        <v>232470</v>
      </c>
      <c r="E31" s="149">
        <v>124765</v>
      </c>
      <c r="F31" s="149">
        <v>107705</v>
      </c>
      <c r="G31" s="149">
        <v>123359</v>
      </c>
      <c r="H31" s="149">
        <v>232329</v>
      </c>
      <c r="I31" s="149">
        <v>124734</v>
      </c>
      <c r="J31" s="149">
        <v>107595</v>
      </c>
      <c r="K31" s="158">
        <v>123362</v>
      </c>
    </row>
    <row r="32" spans="1:11" ht="9.75" customHeight="1">
      <c r="A32" s="37"/>
      <c r="B32" s="82" t="s">
        <v>120</v>
      </c>
      <c r="C32" s="39"/>
      <c r="D32" s="149">
        <v>171136</v>
      </c>
      <c r="E32" s="149">
        <v>86700</v>
      </c>
      <c r="F32" s="149">
        <v>84436</v>
      </c>
      <c r="G32" s="149">
        <v>80106</v>
      </c>
      <c r="H32" s="149">
        <v>170951</v>
      </c>
      <c r="I32" s="149">
        <v>86590</v>
      </c>
      <c r="J32" s="149">
        <v>84361</v>
      </c>
      <c r="K32" s="158">
        <v>80006</v>
      </c>
    </row>
    <row r="33" spans="1:11" ht="9.75" customHeight="1">
      <c r="A33" s="37"/>
      <c r="B33" s="82" t="s">
        <v>121</v>
      </c>
      <c r="C33" s="39"/>
      <c r="D33" s="149">
        <v>263917</v>
      </c>
      <c r="E33" s="149">
        <v>133853</v>
      </c>
      <c r="F33" s="149">
        <v>130064</v>
      </c>
      <c r="G33" s="149">
        <v>134766</v>
      </c>
      <c r="H33" s="149">
        <v>263955</v>
      </c>
      <c r="I33" s="149">
        <v>133832</v>
      </c>
      <c r="J33" s="149">
        <v>130123</v>
      </c>
      <c r="K33" s="158">
        <v>134756</v>
      </c>
    </row>
    <row r="34" spans="1:11" ht="9.75" customHeight="1">
      <c r="A34" s="37"/>
      <c r="B34" s="82" t="s">
        <v>122</v>
      </c>
      <c r="C34" s="39"/>
      <c r="D34" s="149">
        <v>234249</v>
      </c>
      <c r="E34" s="149">
        <v>116283</v>
      </c>
      <c r="F34" s="149">
        <v>117966</v>
      </c>
      <c r="G34" s="149">
        <v>113834</v>
      </c>
      <c r="H34" s="149">
        <v>234178</v>
      </c>
      <c r="I34" s="149">
        <v>116225</v>
      </c>
      <c r="J34" s="149">
        <v>117953</v>
      </c>
      <c r="K34" s="158">
        <v>113850</v>
      </c>
    </row>
    <row r="35" spans="1:11" ht="9.75" customHeight="1">
      <c r="A35" s="37"/>
      <c r="B35" s="82" t="s">
        <v>123</v>
      </c>
      <c r="C35" s="39"/>
      <c r="D35" s="149">
        <v>233782</v>
      </c>
      <c r="E35" s="149">
        <v>113404</v>
      </c>
      <c r="F35" s="149">
        <v>120378</v>
      </c>
      <c r="G35" s="149">
        <v>102417</v>
      </c>
      <c r="H35" s="149">
        <v>233755</v>
      </c>
      <c r="I35" s="149">
        <v>113426</v>
      </c>
      <c r="J35" s="149">
        <v>120329</v>
      </c>
      <c r="K35" s="158">
        <v>102475</v>
      </c>
    </row>
    <row r="36" spans="1:11" ht="9.75" customHeight="1">
      <c r="A36" s="37"/>
      <c r="B36" s="82" t="s">
        <v>124</v>
      </c>
      <c r="C36" s="39"/>
      <c r="D36" s="149">
        <v>221722</v>
      </c>
      <c r="E36" s="149">
        <v>112998</v>
      </c>
      <c r="F36" s="149">
        <v>108724</v>
      </c>
      <c r="G36" s="149">
        <v>113692</v>
      </c>
      <c r="H36" s="149">
        <v>221688</v>
      </c>
      <c r="I36" s="149">
        <v>113005</v>
      </c>
      <c r="J36" s="149">
        <v>108683</v>
      </c>
      <c r="K36" s="158">
        <v>113757</v>
      </c>
    </row>
    <row r="37" spans="1:11" ht="9.75" customHeight="1">
      <c r="A37" s="37"/>
      <c r="B37" s="82" t="s">
        <v>125</v>
      </c>
      <c r="C37" s="39"/>
      <c r="D37" s="149">
        <v>180857</v>
      </c>
      <c r="E37" s="149">
        <v>87498</v>
      </c>
      <c r="F37" s="149">
        <v>93359</v>
      </c>
      <c r="G37" s="149">
        <v>79604</v>
      </c>
      <c r="H37" s="149">
        <v>180854</v>
      </c>
      <c r="I37" s="149">
        <v>87458</v>
      </c>
      <c r="J37" s="149">
        <v>93396</v>
      </c>
      <c r="K37" s="158">
        <v>79627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725514</v>
      </c>
      <c r="E39" s="152">
        <v>362179</v>
      </c>
      <c r="F39" s="152">
        <v>363335</v>
      </c>
      <c r="G39" s="152">
        <v>333481</v>
      </c>
      <c r="H39" s="152">
        <v>725138</v>
      </c>
      <c r="I39" s="152">
        <v>361894</v>
      </c>
      <c r="J39" s="152">
        <v>363244</v>
      </c>
      <c r="K39" s="159">
        <v>333546</v>
      </c>
    </row>
    <row r="40" spans="1:11" ht="9.75" customHeight="1">
      <c r="A40" s="37"/>
      <c r="B40" s="82" t="s">
        <v>111</v>
      </c>
      <c r="C40" s="39"/>
      <c r="D40" s="149">
        <v>170019</v>
      </c>
      <c r="E40" s="149">
        <v>85511</v>
      </c>
      <c r="F40" s="149">
        <v>84508</v>
      </c>
      <c r="G40" s="149">
        <v>75125</v>
      </c>
      <c r="H40" s="149">
        <v>169925</v>
      </c>
      <c r="I40" s="149">
        <v>85448</v>
      </c>
      <c r="J40" s="149">
        <v>84477</v>
      </c>
      <c r="K40" s="158">
        <v>75137</v>
      </c>
    </row>
    <row r="41" spans="1:11" ht="9.75" customHeight="1">
      <c r="A41" s="37"/>
      <c r="B41" s="82" t="s">
        <v>127</v>
      </c>
      <c r="C41" s="39"/>
      <c r="D41" s="149">
        <v>273992</v>
      </c>
      <c r="E41" s="149">
        <v>137195</v>
      </c>
      <c r="F41" s="149">
        <v>136797</v>
      </c>
      <c r="G41" s="149">
        <v>125155</v>
      </c>
      <c r="H41" s="149">
        <v>273938</v>
      </c>
      <c r="I41" s="149">
        <v>137137</v>
      </c>
      <c r="J41" s="149">
        <v>136801</v>
      </c>
      <c r="K41" s="158">
        <v>125247</v>
      </c>
    </row>
    <row r="42" spans="1:11" ht="9.75" customHeight="1">
      <c r="A42" s="37"/>
      <c r="B42" s="82" t="s">
        <v>104</v>
      </c>
      <c r="C42" s="39"/>
      <c r="D42" s="149">
        <v>281503</v>
      </c>
      <c r="E42" s="149">
        <v>139473</v>
      </c>
      <c r="F42" s="149">
        <v>142030</v>
      </c>
      <c r="G42" s="149">
        <v>133201</v>
      </c>
      <c r="H42" s="149">
        <v>281275</v>
      </c>
      <c r="I42" s="149">
        <v>139309</v>
      </c>
      <c r="J42" s="149">
        <v>141966</v>
      </c>
      <c r="K42" s="158">
        <v>133162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387289</v>
      </c>
      <c r="E44" s="149">
        <v>193200</v>
      </c>
      <c r="F44" s="149">
        <v>194089</v>
      </c>
      <c r="G44" s="149">
        <v>165410</v>
      </c>
      <c r="H44" s="149">
        <v>386742</v>
      </c>
      <c r="I44" s="149">
        <v>192858</v>
      </c>
      <c r="J44" s="149">
        <v>193884</v>
      </c>
      <c r="K44" s="158">
        <v>165341</v>
      </c>
    </row>
    <row r="45" spans="1:11" ht="9.75" customHeight="1">
      <c r="A45" s="244" t="s">
        <v>129</v>
      </c>
      <c r="B45" s="245"/>
      <c r="C45" s="39"/>
      <c r="D45" s="149">
        <v>258298</v>
      </c>
      <c r="E45" s="149">
        <v>128965</v>
      </c>
      <c r="F45" s="149">
        <v>129333</v>
      </c>
      <c r="G45" s="149">
        <v>112358</v>
      </c>
      <c r="H45" s="149">
        <v>258173</v>
      </c>
      <c r="I45" s="149">
        <v>128864</v>
      </c>
      <c r="J45" s="149">
        <v>129309</v>
      </c>
      <c r="K45" s="158">
        <v>112419</v>
      </c>
    </row>
    <row r="46" spans="1:11" ht="9.75" customHeight="1">
      <c r="A46" s="244" t="s">
        <v>130</v>
      </c>
      <c r="B46" s="245"/>
      <c r="C46" s="39"/>
      <c r="D46" s="149">
        <v>172700</v>
      </c>
      <c r="E46" s="149">
        <v>81101</v>
      </c>
      <c r="F46" s="149">
        <v>91599</v>
      </c>
      <c r="G46" s="149">
        <v>75824</v>
      </c>
      <c r="H46" s="149">
        <v>172720</v>
      </c>
      <c r="I46" s="149">
        <v>81109</v>
      </c>
      <c r="J46" s="149">
        <v>91611</v>
      </c>
      <c r="K46" s="158">
        <v>75835</v>
      </c>
    </row>
    <row r="47" spans="1:11" ht="9.75" customHeight="1">
      <c r="A47" s="244" t="s">
        <v>131</v>
      </c>
      <c r="B47" s="245"/>
      <c r="C47" s="39"/>
      <c r="D47" s="149">
        <v>438071</v>
      </c>
      <c r="E47" s="149">
        <v>216140</v>
      </c>
      <c r="F47" s="149">
        <v>221931</v>
      </c>
      <c r="G47" s="149">
        <v>194148</v>
      </c>
      <c r="H47" s="149">
        <v>438101</v>
      </c>
      <c r="I47" s="149">
        <v>216138</v>
      </c>
      <c r="J47" s="149">
        <v>221963</v>
      </c>
      <c r="K47" s="158">
        <v>194253</v>
      </c>
    </row>
    <row r="48" spans="1:11" ht="9.75" customHeight="1">
      <c r="A48" s="244" t="s">
        <v>132</v>
      </c>
      <c r="B48" s="245"/>
      <c r="C48" s="39"/>
      <c r="D48" s="149">
        <v>188709</v>
      </c>
      <c r="E48" s="149">
        <v>91210</v>
      </c>
      <c r="F48" s="149">
        <v>97499</v>
      </c>
      <c r="G48" s="149">
        <v>82028</v>
      </c>
      <c r="H48" s="149">
        <v>188629</v>
      </c>
      <c r="I48" s="149">
        <v>91176</v>
      </c>
      <c r="J48" s="149">
        <v>97453</v>
      </c>
      <c r="K48" s="158">
        <v>82058</v>
      </c>
    </row>
    <row r="49" spans="1:11" ht="9.75" customHeight="1">
      <c r="A49" s="244" t="s">
        <v>133</v>
      </c>
      <c r="B49" s="245"/>
      <c r="C49" s="39"/>
      <c r="D49" s="149">
        <v>242470</v>
      </c>
      <c r="E49" s="149">
        <v>117594</v>
      </c>
      <c r="F49" s="149">
        <v>124876</v>
      </c>
      <c r="G49" s="149">
        <v>102768</v>
      </c>
      <c r="H49" s="149">
        <v>242336</v>
      </c>
      <c r="I49" s="149">
        <v>117544</v>
      </c>
      <c r="J49" s="149">
        <v>124792</v>
      </c>
      <c r="K49" s="158">
        <v>102761</v>
      </c>
    </row>
    <row r="50" spans="1:11" ht="9.75" customHeight="1">
      <c r="A50" s="244" t="s">
        <v>134</v>
      </c>
      <c r="B50" s="245"/>
      <c r="C50" s="39"/>
      <c r="D50" s="149">
        <v>57076</v>
      </c>
      <c r="E50" s="149">
        <v>26733</v>
      </c>
      <c r="F50" s="149">
        <v>30343</v>
      </c>
      <c r="G50" s="149">
        <v>24913</v>
      </c>
      <c r="H50" s="149">
        <v>57053</v>
      </c>
      <c r="I50" s="149">
        <v>26735</v>
      </c>
      <c r="J50" s="149">
        <v>30318</v>
      </c>
      <c r="K50" s="158">
        <v>24929</v>
      </c>
    </row>
    <row r="51" spans="1:11" ht="9.75" customHeight="1">
      <c r="A51" s="244" t="s">
        <v>135</v>
      </c>
      <c r="B51" s="245"/>
      <c r="C51" s="39"/>
      <c r="D51" s="149">
        <v>41988</v>
      </c>
      <c r="E51" s="149">
        <v>20110</v>
      </c>
      <c r="F51" s="149">
        <v>21878</v>
      </c>
      <c r="G51" s="149">
        <v>17226</v>
      </c>
      <c r="H51" s="149">
        <v>41941</v>
      </c>
      <c r="I51" s="149">
        <v>20081</v>
      </c>
      <c r="J51" s="149">
        <v>21860</v>
      </c>
      <c r="K51" s="158">
        <v>17233</v>
      </c>
    </row>
    <row r="52" spans="1:11" ht="9.75" customHeight="1">
      <c r="A52" s="244" t="s">
        <v>136</v>
      </c>
      <c r="B52" s="245"/>
      <c r="C52" s="39"/>
      <c r="D52" s="149">
        <v>162379</v>
      </c>
      <c r="E52" s="149">
        <v>82103</v>
      </c>
      <c r="F52" s="149">
        <v>80276</v>
      </c>
      <c r="G52" s="149">
        <v>70521</v>
      </c>
      <c r="H52" s="149">
        <v>162261</v>
      </c>
      <c r="I52" s="149">
        <v>82031</v>
      </c>
      <c r="J52" s="149">
        <v>80230</v>
      </c>
      <c r="K52" s="158">
        <v>70361</v>
      </c>
    </row>
    <row r="53" spans="1:11" ht="9.75" customHeight="1">
      <c r="A53" s="244" t="s">
        <v>137</v>
      </c>
      <c r="B53" s="245"/>
      <c r="C53" s="39"/>
      <c r="D53" s="149">
        <v>223830</v>
      </c>
      <c r="E53" s="149">
        <v>115376</v>
      </c>
      <c r="F53" s="149">
        <v>108454</v>
      </c>
      <c r="G53" s="149">
        <v>100548</v>
      </c>
      <c r="H53" s="149">
        <v>223733</v>
      </c>
      <c r="I53" s="149">
        <v>115346</v>
      </c>
      <c r="J53" s="149">
        <v>108387</v>
      </c>
      <c r="K53" s="158">
        <v>100565</v>
      </c>
    </row>
    <row r="54" spans="1:11" ht="9.75" customHeight="1">
      <c r="A54" s="244" t="s">
        <v>138</v>
      </c>
      <c r="B54" s="245"/>
      <c r="C54" s="39"/>
      <c r="D54" s="149">
        <v>239644</v>
      </c>
      <c r="E54" s="149">
        <v>119764</v>
      </c>
      <c r="F54" s="149">
        <v>119880</v>
      </c>
      <c r="G54" s="149">
        <v>110906</v>
      </c>
      <c r="H54" s="149">
        <v>239632</v>
      </c>
      <c r="I54" s="149">
        <v>119760</v>
      </c>
      <c r="J54" s="149">
        <v>119872</v>
      </c>
      <c r="K54" s="158">
        <v>110987</v>
      </c>
    </row>
    <row r="55" spans="1:11" ht="9.75" customHeight="1">
      <c r="A55" s="244" t="s">
        <v>139</v>
      </c>
      <c r="B55" s="245"/>
      <c r="C55" s="39"/>
      <c r="D55" s="149">
        <v>101531</v>
      </c>
      <c r="E55" s="149">
        <v>51344</v>
      </c>
      <c r="F55" s="149">
        <v>50187</v>
      </c>
      <c r="G55" s="149">
        <v>45272</v>
      </c>
      <c r="H55" s="149">
        <v>101432</v>
      </c>
      <c r="I55" s="149">
        <v>51308</v>
      </c>
      <c r="J55" s="149">
        <v>50124</v>
      </c>
      <c r="K55" s="158">
        <v>45268</v>
      </c>
    </row>
    <row r="56" spans="1:11" ht="9.75" customHeight="1">
      <c r="A56" s="244" t="s">
        <v>140</v>
      </c>
      <c r="B56" s="245"/>
      <c r="C56" s="39"/>
      <c r="D56" s="149">
        <v>136699</v>
      </c>
      <c r="E56" s="149">
        <v>68655</v>
      </c>
      <c r="F56" s="149">
        <v>68044</v>
      </c>
      <c r="G56" s="149">
        <v>58503</v>
      </c>
      <c r="H56" s="149">
        <v>136599</v>
      </c>
      <c r="I56" s="149">
        <v>68624</v>
      </c>
      <c r="J56" s="149">
        <v>67975</v>
      </c>
      <c r="K56" s="158">
        <v>58505</v>
      </c>
    </row>
    <row r="57" spans="1:11" ht="9.75" customHeight="1">
      <c r="A57" s="244" t="s">
        <v>141</v>
      </c>
      <c r="B57" s="245"/>
      <c r="C57" s="39"/>
      <c r="D57" s="149">
        <v>132395</v>
      </c>
      <c r="E57" s="149">
        <v>66036</v>
      </c>
      <c r="F57" s="149">
        <v>66359</v>
      </c>
      <c r="G57" s="149">
        <v>60360</v>
      </c>
      <c r="H57" s="149">
        <v>132327</v>
      </c>
      <c r="I57" s="149">
        <v>65973</v>
      </c>
      <c r="J57" s="149">
        <v>66354</v>
      </c>
      <c r="K57" s="158">
        <v>60328</v>
      </c>
    </row>
    <row r="58" spans="1:11" ht="9.75" customHeight="1">
      <c r="A58" s="244" t="s">
        <v>142</v>
      </c>
      <c r="B58" s="245"/>
      <c r="C58" s="39"/>
      <c r="D58" s="149">
        <v>40731</v>
      </c>
      <c r="E58" s="149">
        <v>19944</v>
      </c>
      <c r="F58" s="149">
        <v>20787</v>
      </c>
      <c r="G58" s="149">
        <v>16294</v>
      </c>
      <c r="H58" s="149">
        <v>40681</v>
      </c>
      <c r="I58" s="149">
        <v>19915</v>
      </c>
      <c r="J58" s="149">
        <v>20766</v>
      </c>
      <c r="K58" s="158">
        <v>16291</v>
      </c>
    </row>
    <row r="59" spans="1:11" ht="9.75" customHeight="1">
      <c r="A59" s="244" t="s">
        <v>143</v>
      </c>
      <c r="B59" s="245"/>
      <c r="C59" s="39"/>
      <c r="D59" s="149">
        <v>83745</v>
      </c>
      <c r="E59" s="149">
        <v>42492</v>
      </c>
      <c r="F59" s="149">
        <v>41253</v>
      </c>
      <c r="G59" s="149">
        <v>34832</v>
      </c>
      <c r="H59" s="149">
        <v>83701</v>
      </c>
      <c r="I59" s="149">
        <v>42485</v>
      </c>
      <c r="J59" s="149">
        <v>41216</v>
      </c>
      <c r="K59" s="158">
        <v>34853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9">
        <v>31705</v>
      </c>
      <c r="E61" s="149">
        <v>14922</v>
      </c>
      <c r="F61" s="149">
        <v>16783</v>
      </c>
      <c r="G61" s="149">
        <v>12987</v>
      </c>
      <c r="H61" s="149">
        <v>31681</v>
      </c>
      <c r="I61" s="149">
        <v>14909</v>
      </c>
      <c r="J61" s="149">
        <v>16772</v>
      </c>
      <c r="K61" s="158">
        <v>12992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9">
        <v>48438</v>
      </c>
      <c r="E63" s="149">
        <v>24491</v>
      </c>
      <c r="F63" s="149">
        <v>23947</v>
      </c>
      <c r="G63" s="149">
        <v>19939</v>
      </c>
      <c r="H63" s="149">
        <v>48420</v>
      </c>
      <c r="I63" s="149">
        <v>24488</v>
      </c>
      <c r="J63" s="149">
        <v>23932</v>
      </c>
      <c r="K63" s="158">
        <v>19960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59215</v>
      </c>
      <c r="E65" s="152">
        <v>28672</v>
      </c>
      <c r="F65" s="152">
        <v>30543</v>
      </c>
      <c r="G65" s="152">
        <v>24289</v>
      </c>
      <c r="H65" s="152">
        <v>59185</v>
      </c>
      <c r="I65" s="152">
        <v>28652</v>
      </c>
      <c r="J65" s="152">
        <v>30533</v>
      </c>
      <c r="K65" s="159">
        <v>24303</v>
      </c>
    </row>
    <row r="66" spans="1:11" ht="9.75" customHeight="1">
      <c r="A66" s="37"/>
      <c r="B66" s="82" t="s">
        <v>147</v>
      </c>
      <c r="C66" s="39"/>
      <c r="D66" s="149">
        <v>31708</v>
      </c>
      <c r="E66" s="149">
        <v>15441</v>
      </c>
      <c r="F66" s="149">
        <v>16267</v>
      </c>
      <c r="G66" s="149">
        <v>12747</v>
      </c>
      <c r="H66" s="149">
        <v>31684</v>
      </c>
      <c r="I66" s="149">
        <v>15422</v>
      </c>
      <c r="J66" s="149">
        <v>16262</v>
      </c>
      <c r="K66" s="158">
        <v>12751</v>
      </c>
    </row>
    <row r="67" spans="1:11" ht="9.75" customHeight="1">
      <c r="A67" s="37"/>
      <c r="B67" s="82" t="s">
        <v>148</v>
      </c>
      <c r="C67" s="39"/>
      <c r="D67" s="149">
        <v>27507</v>
      </c>
      <c r="E67" s="149">
        <v>13231</v>
      </c>
      <c r="F67" s="149">
        <v>14276</v>
      </c>
      <c r="G67" s="149">
        <v>11542</v>
      </c>
      <c r="H67" s="149">
        <v>27501</v>
      </c>
      <c r="I67" s="149">
        <v>13230</v>
      </c>
      <c r="J67" s="149">
        <v>14271</v>
      </c>
      <c r="K67" s="158">
        <v>11552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65344</v>
      </c>
      <c r="E69" s="152">
        <v>32222</v>
      </c>
      <c r="F69" s="152">
        <v>33122</v>
      </c>
      <c r="G69" s="152">
        <v>25652</v>
      </c>
      <c r="H69" s="152">
        <v>65314</v>
      </c>
      <c r="I69" s="152">
        <v>32221</v>
      </c>
      <c r="J69" s="152">
        <v>33093</v>
      </c>
      <c r="K69" s="159">
        <v>25642</v>
      </c>
    </row>
    <row r="70" spans="1:11" ht="9.75" customHeight="1">
      <c r="A70" s="37"/>
      <c r="B70" s="82" t="s">
        <v>150</v>
      </c>
      <c r="C70" s="39"/>
      <c r="D70" s="149">
        <v>9263</v>
      </c>
      <c r="E70" s="149">
        <v>4647</v>
      </c>
      <c r="F70" s="149">
        <v>4616</v>
      </c>
      <c r="G70" s="149">
        <v>3425</v>
      </c>
      <c r="H70" s="149">
        <v>9249</v>
      </c>
      <c r="I70" s="149">
        <v>4636</v>
      </c>
      <c r="J70" s="149">
        <v>4613</v>
      </c>
      <c r="K70" s="158">
        <v>3423</v>
      </c>
    </row>
    <row r="71" spans="1:11" ht="9.75" customHeight="1">
      <c r="A71" s="37"/>
      <c r="B71" s="82" t="s">
        <v>151</v>
      </c>
      <c r="C71" s="39"/>
      <c r="D71" s="149">
        <v>17161</v>
      </c>
      <c r="E71" s="149">
        <v>8454</v>
      </c>
      <c r="F71" s="149">
        <v>8707</v>
      </c>
      <c r="G71" s="149">
        <v>6740</v>
      </c>
      <c r="H71" s="149">
        <v>17164</v>
      </c>
      <c r="I71" s="149">
        <v>8464</v>
      </c>
      <c r="J71" s="149">
        <v>8700</v>
      </c>
      <c r="K71" s="158">
        <v>6742</v>
      </c>
    </row>
    <row r="72" spans="1:11" ht="9.75" customHeight="1">
      <c r="A72" s="37"/>
      <c r="B72" s="82" t="s">
        <v>152</v>
      </c>
      <c r="C72" s="39"/>
      <c r="D72" s="149">
        <v>10789</v>
      </c>
      <c r="E72" s="149">
        <v>5351</v>
      </c>
      <c r="F72" s="149">
        <v>5438</v>
      </c>
      <c r="G72" s="149">
        <v>4584</v>
      </c>
      <c r="H72" s="149">
        <v>10751</v>
      </c>
      <c r="I72" s="149">
        <v>5343</v>
      </c>
      <c r="J72" s="149">
        <v>5408</v>
      </c>
      <c r="K72" s="158">
        <v>4558</v>
      </c>
    </row>
    <row r="73" spans="1:11" ht="9.75" customHeight="1">
      <c r="A73" s="37"/>
      <c r="B73" s="82" t="s">
        <v>153</v>
      </c>
      <c r="C73" s="39"/>
      <c r="D73" s="149">
        <v>9733</v>
      </c>
      <c r="E73" s="149">
        <v>4820</v>
      </c>
      <c r="F73" s="149">
        <v>4913</v>
      </c>
      <c r="G73" s="149">
        <v>3939</v>
      </c>
      <c r="H73" s="149">
        <v>9727</v>
      </c>
      <c r="I73" s="149">
        <v>4823</v>
      </c>
      <c r="J73" s="149">
        <v>4904</v>
      </c>
      <c r="K73" s="158">
        <v>3943</v>
      </c>
    </row>
    <row r="74" spans="1:11" ht="9.75" customHeight="1">
      <c r="A74" s="37"/>
      <c r="B74" s="82" t="s">
        <v>154</v>
      </c>
      <c r="C74" s="39"/>
      <c r="D74" s="149">
        <v>18398</v>
      </c>
      <c r="E74" s="149">
        <v>8950</v>
      </c>
      <c r="F74" s="149">
        <v>9448</v>
      </c>
      <c r="G74" s="149">
        <v>6964</v>
      </c>
      <c r="H74" s="149">
        <v>18423</v>
      </c>
      <c r="I74" s="149">
        <v>8955</v>
      </c>
      <c r="J74" s="149">
        <v>9468</v>
      </c>
      <c r="K74" s="158">
        <v>6976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41335</v>
      </c>
      <c r="E76" s="152">
        <v>19405</v>
      </c>
      <c r="F76" s="152">
        <v>21930</v>
      </c>
      <c r="G76" s="152">
        <v>20014</v>
      </c>
      <c r="H76" s="152">
        <v>41283</v>
      </c>
      <c r="I76" s="152">
        <v>19394</v>
      </c>
      <c r="J76" s="152">
        <v>21889</v>
      </c>
      <c r="K76" s="159">
        <v>20004</v>
      </c>
    </row>
    <row r="77" spans="1:11" ht="9.75" customHeight="1">
      <c r="A77" s="37"/>
      <c r="B77" s="82" t="s">
        <v>156</v>
      </c>
      <c r="C77" s="39"/>
      <c r="D77" s="149">
        <v>11245</v>
      </c>
      <c r="E77" s="149">
        <v>5418</v>
      </c>
      <c r="F77" s="149">
        <v>5827</v>
      </c>
      <c r="G77" s="149">
        <v>6326</v>
      </c>
      <c r="H77" s="149">
        <v>11239</v>
      </c>
      <c r="I77" s="149">
        <v>5429</v>
      </c>
      <c r="J77" s="149">
        <v>5810</v>
      </c>
      <c r="K77" s="158">
        <v>6329</v>
      </c>
    </row>
    <row r="78" spans="1:11" ht="9.75" customHeight="1">
      <c r="A78" s="37"/>
      <c r="B78" s="82" t="s">
        <v>157</v>
      </c>
      <c r="C78" s="39"/>
      <c r="D78" s="149">
        <v>6707</v>
      </c>
      <c r="E78" s="149">
        <v>3122</v>
      </c>
      <c r="F78" s="149">
        <v>3585</v>
      </c>
      <c r="G78" s="149">
        <v>2958</v>
      </c>
      <c r="H78" s="149">
        <v>6696</v>
      </c>
      <c r="I78" s="149">
        <v>3114</v>
      </c>
      <c r="J78" s="149">
        <v>3582</v>
      </c>
      <c r="K78" s="158">
        <v>2955</v>
      </c>
    </row>
    <row r="79" spans="1:11" ht="9.75" customHeight="1">
      <c r="A79" s="37"/>
      <c r="B79" s="82" t="s">
        <v>158</v>
      </c>
      <c r="C79" s="39"/>
      <c r="D79" s="149">
        <v>23383</v>
      </c>
      <c r="E79" s="149">
        <v>10865</v>
      </c>
      <c r="F79" s="149">
        <v>12518</v>
      </c>
      <c r="G79" s="149">
        <v>10730</v>
      </c>
      <c r="H79" s="149">
        <v>23348</v>
      </c>
      <c r="I79" s="149">
        <v>10851</v>
      </c>
      <c r="J79" s="149">
        <v>12497</v>
      </c>
      <c r="K79" s="158">
        <v>10720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42812</v>
      </c>
      <c r="E81" s="152">
        <v>22375</v>
      </c>
      <c r="F81" s="152">
        <v>20437</v>
      </c>
      <c r="G81" s="152">
        <v>18217</v>
      </c>
      <c r="H81" s="152">
        <v>42759</v>
      </c>
      <c r="I81" s="152">
        <v>22353</v>
      </c>
      <c r="J81" s="152">
        <v>20406</v>
      </c>
      <c r="K81" s="159">
        <v>18220</v>
      </c>
    </row>
    <row r="82" spans="1:11" ht="9.75" customHeight="1">
      <c r="A82" s="37"/>
      <c r="B82" s="82" t="s">
        <v>160</v>
      </c>
      <c r="C82" s="39"/>
      <c r="D82" s="149">
        <v>39779</v>
      </c>
      <c r="E82" s="149">
        <v>20827</v>
      </c>
      <c r="F82" s="149">
        <v>18952</v>
      </c>
      <c r="G82" s="149">
        <v>17092</v>
      </c>
      <c r="H82" s="149">
        <v>39730</v>
      </c>
      <c r="I82" s="149">
        <v>20809</v>
      </c>
      <c r="J82" s="149">
        <v>18921</v>
      </c>
      <c r="K82" s="158">
        <v>17096</v>
      </c>
    </row>
    <row r="83" spans="1:11" ht="9.75" customHeight="1">
      <c r="A83" s="37"/>
      <c r="B83" s="82" t="s">
        <v>161</v>
      </c>
      <c r="C83" s="39"/>
      <c r="D83" s="149">
        <v>3033</v>
      </c>
      <c r="E83" s="149">
        <v>1548</v>
      </c>
      <c r="F83" s="149">
        <v>1485</v>
      </c>
      <c r="G83" s="149">
        <v>1125</v>
      </c>
      <c r="H83" s="149">
        <v>3029</v>
      </c>
      <c r="I83" s="149">
        <v>1544</v>
      </c>
      <c r="J83" s="149">
        <v>1485</v>
      </c>
      <c r="K83" s="158">
        <v>1124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5"/>
  <sheetViews>
    <sheetView view="pageBreakPreview" zoomScaleNormal="115" zoomScaleSheetLayoutView="100" workbookViewId="0">
      <selection activeCell="L1" sqref="L1"/>
    </sheetView>
  </sheetViews>
  <sheetFormatPr defaultRowHeight="14.25"/>
  <cols>
    <col min="1" max="1" width="1.75" style="70" customWidth="1"/>
    <col min="2" max="2" width="7.5" style="70" customWidth="1"/>
    <col min="3" max="3" width="1.25" style="70" customWidth="1"/>
    <col min="4" max="11" width="8.5" style="70" customWidth="1"/>
    <col min="12" max="18" width="6.875" style="70" customWidth="1"/>
  </cols>
  <sheetData>
    <row r="1" spans="1:22" ht="18.75" customHeight="1">
      <c r="A1" s="201" t="s">
        <v>176</v>
      </c>
      <c r="B1" s="201"/>
      <c r="C1" s="201"/>
      <c r="D1" s="201"/>
      <c r="E1" s="201"/>
      <c r="F1" s="201"/>
      <c r="G1" s="201"/>
      <c r="H1" s="201"/>
      <c r="I1" s="201"/>
      <c r="J1" s="201"/>
      <c r="K1" s="201"/>
    </row>
    <row r="2" spans="1:22" ht="15" customHeight="1" thickBot="1">
      <c r="A2" s="202" t="s">
        <v>169</v>
      </c>
      <c r="B2" s="202"/>
      <c r="C2" s="202"/>
      <c r="I2" s="236"/>
      <c r="J2" s="236"/>
      <c r="K2" s="236"/>
    </row>
    <row r="3" spans="1:22" ht="15" customHeight="1">
      <c r="A3" s="203" t="s">
        <v>92</v>
      </c>
      <c r="B3" s="204"/>
      <c r="C3" s="204"/>
      <c r="D3" s="215" t="s">
        <v>177</v>
      </c>
      <c r="E3" s="204"/>
      <c r="F3" s="204"/>
      <c r="G3" s="251"/>
      <c r="H3" s="215" t="s">
        <v>178</v>
      </c>
      <c r="I3" s="204"/>
      <c r="J3" s="204"/>
      <c r="K3" s="252"/>
    </row>
    <row r="4" spans="1:22" ht="15" customHeight="1">
      <c r="A4" s="207"/>
      <c r="B4" s="208"/>
      <c r="C4" s="208"/>
      <c r="D4" s="74" t="s">
        <v>172</v>
      </c>
      <c r="E4" s="74" t="s">
        <v>173</v>
      </c>
      <c r="F4" s="74" t="s">
        <v>174</v>
      </c>
      <c r="G4" s="74" t="s">
        <v>5</v>
      </c>
      <c r="H4" s="74" t="s">
        <v>175</v>
      </c>
      <c r="I4" s="74" t="s">
        <v>173</v>
      </c>
      <c r="J4" s="74" t="s">
        <v>174</v>
      </c>
      <c r="K4" s="92" t="s">
        <v>5</v>
      </c>
    </row>
    <row r="5" spans="1:22" ht="10.5" customHeight="1">
      <c r="A5" s="8"/>
      <c r="B5" s="39"/>
      <c r="C5" s="39"/>
      <c r="D5" s="11" t="s">
        <v>10</v>
      </c>
      <c r="E5" s="11" t="s">
        <v>10</v>
      </c>
      <c r="F5" s="11" t="s">
        <v>10</v>
      </c>
      <c r="G5" s="11" t="s">
        <v>12</v>
      </c>
      <c r="H5" s="11" t="s">
        <v>10</v>
      </c>
      <c r="I5" s="11" t="s">
        <v>10</v>
      </c>
      <c r="J5" s="11" t="s">
        <v>10</v>
      </c>
      <c r="K5" s="13" t="s">
        <v>12</v>
      </c>
    </row>
    <row r="6" spans="1:22" ht="9.75" customHeight="1">
      <c r="A6" s="246" t="s">
        <v>96</v>
      </c>
      <c r="B6" s="247"/>
      <c r="C6" s="16"/>
      <c r="D6" s="17">
        <v>9227745</v>
      </c>
      <c r="E6" s="17">
        <v>4582053</v>
      </c>
      <c r="F6" s="17">
        <v>4645692</v>
      </c>
      <c r="G6" s="17">
        <v>4229502</v>
      </c>
      <c r="H6" s="17">
        <v>9232623</v>
      </c>
      <c r="I6" s="17">
        <v>4583566</v>
      </c>
      <c r="J6" s="17">
        <v>4649057</v>
      </c>
      <c r="K6" s="156">
        <v>4250059</v>
      </c>
    </row>
    <row r="7" spans="1:22" s="29" customFormat="1" ht="9.75" customHeight="1">
      <c r="A7" s="248" t="s">
        <v>97</v>
      </c>
      <c r="B7" s="249"/>
      <c r="C7" s="32"/>
      <c r="D7" s="146">
        <v>8939285</v>
      </c>
      <c r="E7" s="146">
        <v>4440114</v>
      </c>
      <c r="F7" s="146">
        <v>4499171</v>
      </c>
      <c r="G7" s="146">
        <v>4108335</v>
      </c>
      <c r="H7" s="146">
        <v>8944483</v>
      </c>
      <c r="I7" s="146">
        <v>4441848</v>
      </c>
      <c r="J7" s="146">
        <v>4502635</v>
      </c>
      <c r="K7" s="157">
        <v>4128670</v>
      </c>
      <c r="S7" s="30"/>
      <c r="T7" s="30"/>
      <c r="U7" s="30"/>
      <c r="V7" s="30"/>
    </row>
    <row r="8" spans="1:22" s="29" customFormat="1" ht="9.75" customHeight="1">
      <c r="A8" s="248" t="s">
        <v>98</v>
      </c>
      <c r="B8" s="249"/>
      <c r="C8" s="32"/>
      <c r="D8" s="146">
        <v>288460</v>
      </c>
      <c r="E8" s="146">
        <v>141939</v>
      </c>
      <c r="F8" s="146">
        <v>146521</v>
      </c>
      <c r="G8" s="146">
        <v>121167</v>
      </c>
      <c r="H8" s="146">
        <v>288140</v>
      </c>
      <c r="I8" s="146">
        <v>141718</v>
      </c>
      <c r="J8" s="146">
        <v>146422</v>
      </c>
      <c r="K8" s="157">
        <v>121389</v>
      </c>
      <c r="S8" s="30"/>
      <c r="T8" s="30"/>
      <c r="U8" s="30"/>
      <c r="V8" s="30"/>
    </row>
    <row r="9" spans="1:22" ht="3.75" customHeight="1">
      <c r="A9" s="37"/>
      <c r="B9" s="82"/>
      <c r="C9" s="39"/>
      <c r="D9" s="149"/>
      <c r="E9" s="149"/>
      <c r="F9" s="149"/>
      <c r="G9" s="149"/>
      <c r="H9" s="149"/>
      <c r="I9" s="149"/>
      <c r="J9" s="149"/>
      <c r="K9" s="158"/>
    </row>
    <row r="10" spans="1:22" ht="9.75" customHeight="1">
      <c r="A10" s="242" t="s">
        <v>99</v>
      </c>
      <c r="B10" s="243"/>
      <c r="C10" s="46"/>
      <c r="D10" s="152">
        <v>3772457</v>
      </c>
      <c r="E10" s="152">
        <v>1864294</v>
      </c>
      <c r="F10" s="152">
        <v>1908163</v>
      </c>
      <c r="G10" s="152">
        <v>1754131</v>
      </c>
      <c r="H10" s="152">
        <v>3775319</v>
      </c>
      <c r="I10" s="152">
        <v>1865423</v>
      </c>
      <c r="J10" s="152">
        <v>1909896</v>
      </c>
      <c r="K10" s="159">
        <v>1762612</v>
      </c>
    </row>
    <row r="11" spans="1:22" ht="9.75" customHeight="1">
      <c r="A11" s="37"/>
      <c r="B11" s="82" t="s">
        <v>100</v>
      </c>
      <c r="C11" s="39"/>
      <c r="D11" s="149">
        <v>296605</v>
      </c>
      <c r="E11" s="149">
        <v>152990</v>
      </c>
      <c r="F11" s="149">
        <v>143615</v>
      </c>
      <c r="G11" s="149">
        <v>145334</v>
      </c>
      <c r="H11" s="149">
        <v>296941</v>
      </c>
      <c r="I11" s="149">
        <v>153232</v>
      </c>
      <c r="J11" s="149">
        <v>143709</v>
      </c>
      <c r="K11" s="158">
        <v>146199</v>
      </c>
    </row>
    <row r="12" spans="1:22" ht="9.75" customHeight="1">
      <c r="A12" s="37"/>
      <c r="B12" s="82" t="s">
        <v>101</v>
      </c>
      <c r="C12" s="39"/>
      <c r="D12" s="149">
        <v>246965</v>
      </c>
      <c r="E12" s="149">
        <v>125868</v>
      </c>
      <c r="F12" s="149">
        <v>121097</v>
      </c>
      <c r="G12" s="149">
        <v>129112</v>
      </c>
      <c r="H12" s="149">
        <v>247586</v>
      </c>
      <c r="I12" s="149">
        <v>126253</v>
      </c>
      <c r="J12" s="149">
        <v>121333</v>
      </c>
      <c r="K12" s="158">
        <v>130137</v>
      </c>
    </row>
    <row r="13" spans="1:22" ht="9.75" customHeight="1">
      <c r="A13" s="37"/>
      <c r="B13" s="82" t="s">
        <v>102</v>
      </c>
      <c r="C13" s="39"/>
      <c r="D13" s="149">
        <v>104692</v>
      </c>
      <c r="E13" s="149">
        <v>52980</v>
      </c>
      <c r="F13" s="149">
        <v>51712</v>
      </c>
      <c r="G13" s="149">
        <v>56996</v>
      </c>
      <c r="H13" s="149">
        <v>104848</v>
      </c>
      <c r="I13" s="149">
        <v>53020</v>
      </c>
      <c r="J13" s="149">
        <v>51828</v>
      </c>
      <c r="K13" s="158">
        <v>57333</v>
      </c>
    </row>
    <row r="14" spans="1:22" ht="9.75" customHeight="1">
      <c r="A14" s="37"/>
      <c r="B14" s="82" t="s">
        <v>103</v>
      </c>
      <c r="C14" s="39"/>
      <c r="D14" s="149">
        <v>151338</v>
      </c>
      <c r="E14" s="149">
        <v>77107</v>
      </c>
      <c r="F14" s="149">
        <v>74231</v>
      </c>
      <c r="G14" s="149">
        <v>85215</v>
      </c>
      <c r="H14" s="149">
        <v>151226</v>
      </c>
      <c r="I14" s="149">
        <v>77027</v>
      </c>
      <c r="J14" s="149">
        <v>74199</v>
      </c>
      <c r="K14" s="158">
        <v>85365</v>
      </c>
    </row>
    <row r="15" spans="1:22" ht="9.75" customHeight="1">
      <c r="A15" s="37"/>
      <c r="B15" s="82" t="s">
        <v>104</v>
      </c>
      <c r="C15" s="39"/>
      <c r="D15" s="149">
        <v>197723</v>
      </c>
      <c r="E15" s="149">
        <v>98670</v>
      </c>
      <c r="F15" s="149">
        <v>99053</v>
      </c>
      <c r="G15" s="149">
        <v>103768</v>
      </c>
      <c r="H15" s="149">
        <v>197982</v>
      </c>
      <c r="I15" s="149">
        <v>98808</v>
      </c>
      <c r="J15" s="149">
        <v>99174</v>
      </c>
      <c r="K15" s="158">
        <v>104381</v>
      </c>
    </row>
    <row r="16" spans="1:22" ht="9.75" customHeight="1">
      <c r="A16" s="37"/>
      <c r="B16" s="82" t="s">
        <v>105</v>
      </c>
      <c r="C16" s="39"/>
      <c r="D16" s="149">
        <v>214938</v>
      </c>
      <c r="E16" s="149">
        <v>104823</v>
      </c>
      <c r="F16" s="149">
        <v>110115</v>
      </c>
      <c r="G16" s="149">
        <v>95639</v>
      </c>
      <c r="H16" s="149">
        <v>215081</v>
      </c>
      <c r="I16" s="149">
        <v>104896</v>
      </c>
      <c r="J16" s="149">
        <v>110185</v>
      </c>
      <c r="K16" s="158">
        <v>96060</v>
      </c>
    </row>
    <row r="17" spans="1:11" ht="9.75" customHeight="1">
      <c r="A17" s="37"/>
      <c r="B17" s="82" t="s">
        <v>106</v>
      </c>
      <c r="C17" s="39"/>
      <c r="D17" s="149">
        <v>207332</v>
      </c>
      <c r="E17" s="149">
        <v>101626</v>
      </c>
      <c r="F17" s="149">
        <v>105706</v>
      </c>
      <c r="G17" s="149">
        <v>99040</v>
      </c>
      <c r="H17" s="149">
        <v>207456</v>
      </c>
      <c r="I17" s="149">
        <v>101710</v>
      </c>
      <c r="J17" s="149">
        <v>105746</v>
      </c>
      <c r="K17" s="158">
        <v>99503</v>
      </c>
    </row>
    <row r="18" spans="1:11" ht="9.75" customHeight="1">
      <c r="A18" s="37"/>
      <c r="B18" s="82" t="s">
        <v>107</v>
      </c>
      <c r="C18" s="39"/>
      <c r="D18" s="149">
        <v>244523</v>
      </c>
      <c r="E18" s="149">
        <v>117985</v>
      </c>
      <c r="F18" s="149">
        <v>126538</v>
      </c>
      <c r="G18" s="149">
        <v>107007</v>
      </c>
      <c r="H18" s="149">
        <v>244314</v>
      </c>
      <c r="I18" s="149">
        <v>117877</v>
      </c>
      <c r="J18" s="149">
        <v>126437</v>
      </c>
      <c r="K18" s="158">
        <v>107277</v>
      </c>
    </row>
    <row r="19" spans="1:11" ht="9.75" customHeight="1">
      <c r="A19" s="37"/>
      <c r="B19" s="82" t="s">
        <v>108</v>
      </c>
      <c r="C19" s="39"/>
      <c r="D19" s="149">
        <v>166283</v>
      </c>
      <c r="E19" s="149">
        <v>81775</v>
      </c>
      <c r="F19" s="149">
        <v>84508</v>
      </c>
      <c r="G19" s="149">
        <v>78637</v>
      </c>
      <c r="H19" s="149">
        <v>166306</v>
      </c>
      <c r="I19" s="149">
        <v>81790</v>
      </c>
      <c r="J19" s="149">
        <v>84516</v>
      </c>
      <c r="K19" s="158">
        <v>78906</v>
      </c>
    </row>
    <row r="20" spans="1:11" ht="9.75" customHeight="1">
      <c r="A20" s="37"/>
      <c r="B20" s="82" t="s">
        <v>109</v>
      </c>
      <c r="C20" s="39"/>
      <c r="D20" s="149">
        <v>198281</v>
      </c>
      <c r="E20" s="149">
        <v>96616</v>
      </c>
      <c r="F20" s="149">
        <v>101665</v>
      </c>
      <c r="G20" s="149">
        <v>89662</v>
      </c>
      <c r="H20" s="149">
        <v>198187</v>
      </c>
      <c r="I20" s="149">
        <v>96506</v>
      </c>
      <c r="J20" s="149">
        <v>101681</v>
      </c>
      <c r="K20" s="158">
        <v>90009</v>
      </c>
    </row>
    <row r="21" spans="1:11" ht="9.75" customHeight="1">
      <c r="A21" s="37"/>
      <c r="B21" s="82" t="s">
        <v>110</v>
      </c>
      <c r="C21" s="39"/>
      <c r="D21" s="149">
        <v>358179</v>
      </c>
      <c r="E21" s="149">
        <v>178906</v>
      </c>
      <c r="F21" s="149">
        <v>179273</v>
      </c>
      <c r="G21" s="149">
        <v>175425</v>
      </c>
      <c r="H21" s="149">
        <v>358791</v>
      </c>
      <c r="I21" s="149">
        <v>179152</v>
      </c>
      <c r="J21" s="149">
        <v>179639</v>
      </c>
      <c r="K21" s="158">
        <v>176491</v>
      </c>
    </row>
    <row r="22" spans="1:11" ht="9.75" customHeight="1">
      <c r="A22" s="37"/>
      <c r="B22" s="82" t="s">
        <v>111</v>
      </c>
      <c r="C22" s="39"/>
      <c r="D22" s="149">
        <v>183236</v>
      </c>
      <c r="E22" s="149">
        <v>90164</v>
      </c>
      <c r="F22" s="149">
        <v>93072</v>
      </c>
      <c r="G22" s="149">
        <v>79723</v>
      </c>
      <c r="H22" s="149">
        <v>183332</v>
      </c>
      <c r="I22" s="149">
        <v>90184</v>
      </c>
      <c r="J22" s="149">
        <v>93148</v>
      </c>
      <c r="K22" s="158">
        <v>80079</v>
      </c>
    </row>
    <row r="23" spans="1:11" ht="9.75" customHeight="1">
      <c r="A23" s="37"/>
      <c r="B23" s="82" t="s">
        <v>112</v>
      </c>
      <c r="C23" s="39"/>
      <c r="D23" s="149">
        <v>310729</v>
      </c>
      <c r="E23" s="149">
        <v>150209</v>
      </c>
      <c r="F23" s="149">
        <v>160520</v>
      </c>
      <c r="G23" s="149">
        <v>133171</v>
      </c>
      <c r="H23" s="149">
        <v>310977</v>
      </c>
      <c r="I23" s="149">
        <v>150225</v>
      </c>
      <c r="J23" s="149">
        <v>160752</v>
      </c>
      <c r="K23" s="158">
        <v>133782</v>
      </c>
    </row>
    <row r="24" spans="1:11" ht="9.75" customHeight="1">
      <c r="A24" s="37"/>
      <c r="B24" s="82" t="s">
        <v>113</v>
      </c>
      <c r="C24" s="39"/>
      <c r="D24" s="149">
        <v>213457</v>
      </c>
      <c r="E24" s="149">
        <v>104772</v>
      </c>
      <c r="F24" s="149">
        <v>108685</v>
      </c>
      <c r="G24" s="149">
        <v>84908</v>
      </c>
      <c r="H24" s="149">
        <v>213923</v>
      </c>
      <c r="I24" s="149">
        <v>104955</v>
      </c>
      <c r="J24" s="149">
        <v>108968</v>
      </c>
      <c r="K24" s="158">
        <v>85451</v>
      </c>
    </row>
    <row r="25" spans="1:11" ht="9.75" customHeight="1">
      <c r="A25" s="37"/>
      <c r="B25" s="82" t="s">
        <v>114</v>
      </c>
      <c r="C25" s="39"/>
      <c r="D25" s="149">
        <v>283794</v>
      </c>
      <c r="E25" s="149">
        <v>138412</v>
      </c>
      <c r="F25" s="149">
        <v>145382</v>
      </c>
      <c r="G25" s="149">
        <v>122434</v>
      </c>
      <c r="H25" s="149">
        <v>283846</v>
      </c>
      <c r="I25" s="149">
        <v>138398</v>
      </c>
      <c r="J25" s="149">
        <v>145448</v>
      </c>
      <c r="K25" s="158">
        <v>122948</v>
      </c>
    </row>
    <row r="26" spans="1:11" ht="9.75" customHeight="1">
      <c r="A26" s="37"/>
      <c r="B26" s="82" t="s">
        <v>115</v>
      </c>
      <c r="C26" s="39"/>
      <c r="D26" s="149">
        <v>119891</v>
      </c>
      <c r="E26" s="149">
        <v>58373</v>
      </c>
      <c r="F26" s="149">
        <v>61518</v>
      </c>
      <c r="G26" s="149">
        <v>52608</v>
      </c>
      <c r="H26" s="149">
        <v>120189</v>
      </c>
      <c r="I26" s="149">
        <v>58491</v>
      </c>
      <c r="J26" s="149">
        <v>61698</v>
      </c>
      <c r="K26" s="158">
        <v>52902</v>
      </c>
    </row>
    <row r="27" spans="1:11" ht="9.75" customHeight="1">
      <c r="A27" s="37"/>
      <c r="B27" s="82" t="s">
        <v>116</v>
      </c>
      <c r="C27" s="39"/>
      <c r="D27" s="149">
        <v>152156</v>
      </c>
      <c r="E27" s="149">
        <v>73793</v>
      </c>
      <c r="F27" s="149">
        <v>78363</v>
      </c>
      <c r="G27" s="149">
        <v>62938</v>
      </c>
      <c r="H27" s="149">
        <v>152141</v>
      </c>
      <c r="I27" s="149">
        <v>73760</v>
      </c>
      <c r="J27" s="149">
        <v>78381</v>
      </c>
      <c r="K27" s="158">
        <v>63133</v>
      </c>
    </row>
    <row r="28" spans="1:11" ht="9.75" customHeight="1">
      <c r="A28" s="37"/>
      <c r="B28" s="82" t="s">
        <v>117</v>
      </c>
      <c r="C28" s="39"/>
      <c r="D28" s="149">
        <v>122335</v>
      </c>
      <c r="E28" s="149">
        <v>59225</v>
      </c>
      <c r="F28" s="149">
        <v>63110</v>
      </c>
      <c r="G28" s="149">
        <v>52514</v>
      </c>
      <c r="H28" s="149">
        <v>122193</v>
      </c>
      <c r="I28" s="149">
        <v>59139</v>
      </c>
      <c r="J28" s="149">
        <v>63054</v>
      </c>
      <c r="K28" s="158">
        <v>52656</v>
      </c>
    </row>
    <row r="29" spans="1:11" ht="3.75" customHeight="1">
      <c r="A29" s="37"/>
      <c r="B29" s="82"/>
      <c r="C29" s="39"/>
      <c r="D29" s="149"/>
      <c r="E29" s="149"/>
      <c r="F29" s="149"/>
      <c r="G29" s="149"/>
      <c r="H29" s="149"/>
      <c r="I29" s="149"/>
      <c r="J29" s="149"/>
      <c r="K29" s="158"/>
    </row>
    <row r="30" spans="1:11" ht="9.75" customHeight="1">
      <c r="A30" s="242" t="s">
        <v>118</v>
      </c>
      <c r="B30" s="243"/>
      <c r="C30" s="46"/>
      <c r="D30" s="152">
        <v>1536539</v>
      </c>
      <c r="E30" s="152">
        <v>774578</v>
      </c>
      <c r="F30" s="152">
        <v>761961</v>
      </c>
      <c r="G30" s="152">
        <v>747634</v>
      </c>
      <c r="H30" s="152">
        <v>1539127</v>
      </c>
      <c r="I30" s="152">
        <v>775850</v>
      </c>
      <c r="J30" s="152">
        <v>763277</v>
      </c>
      <c r="K30" s="159">
        <v>753280</v>
      </c>
    </row>
    <row r="31" spans="1:11" ht="9.75" customHeight="1">
      <c r="A31" s="37"/>
      <c r="B31" s="82" t="s">
        <v>119</v>
      </c>
      <c r="C31" s="39"/>
      <c r="D31" s="149">
        <v>231982</v>
      </c>
      <c r="E31" s="149">
        <v>124571</v>
      </c>
      <c r="F31" s="149">
        <v>107411</v>
      </c>
      <c r="G31" s="149">
        <v>123243</v>
      </c>
      <c r="H31" s="149">
        <v>232297</v>
      </c>
      <c r="I31" s="149">
        <v>124862</v>
      </c>
      <c r="J31" s="149">
        <v>107435</v>
      </c>
      <c r="K31" s="158">
        <v>124021</v>
      </c>
    </row>
    <row r="32" spans="1:11" ht="9.75" customHeight="1">
      <c r="A32" s="37"/>
      <c r="B32" s="82" t="s">
        <v>120</v>
      </c>
      <c r="C32" s="39"/>
      <c r="D32" s="149">
        <v>170693</v>
      </c>
      <c r="E32" s="149">
        <v>86450</v>
      </c>
      <c r="F32" s="149">
        <v>84243</v>
      </c>
      <c r="G32" s="149">
        <v>79927</v>
      </c>
      <c r="H32" s="149">
        <v>170802</v>
      </c>
      <c r="I32" s="149">
        <v>86482</v>
      </c>
      <c r="J32" s="149">
        <v>84320</v>
      </c>
      <c r="K32" s="158">
        <v>80354</v>
      </c>
    </row>
    <row r="33" spans="1:11" ht="9.75" customHeight="1">
      <c r="A33" s="37"/>
      <c r="B33" s="82" t="s">
        <v>121</v>
      </c>
      <c r="C33" s="39"/>
      <c r="D33" s="149">
        <v>263748</v>
      </c>
      <c r="E33" s="149">
        <v>133645</v>
      </c>
      <c r="F33" s="149">
        <v>130103</v>
      </c>
      <c r="G33" s="149">
        <v>134656</v>
      </c>
      <c r="H33" s="149">
        <v>264582</v>
      </c>
      <c r="I33" s="149">
        <v>134085</v>
      </c>
      <c r="J33" s="149">
        <v>130497</v>
      </c>
      <c r="K33" s="158">
        <v>136090</v>
      </c>
    </row>
    <row r="34" spans="1:11" ht="9.75" customHeight="1">
      <c r="A34" s="37"/>
      <c r="B34" s="82" t="s">
        <v>122</v>
      </c>
      <c r="C34" s="39"/>
      <c r="D34" s="149">
        <v>234033</v>
      </c>
      <c r="E34" s="149">
        <v>116144</v>
      </c>
      <c r="F34" s="149">
        <v>117889</v>
      </c>
      <c r="G34" s="149">
        <v>113835</v>
      </c>
      <c r="H34" s="149">
        <v>234422</v>
      </c>
      <c r="I34" s="149">
        <v>116363</v>
      </c>
      <c r="J34" s="149">
        <v>118059</v>
      </c>
      <c r="K34" s="158">
        <v>114683</v>
      </c>
    </row>
    <row r="35" spans="1:11" ht="9.75" customHeight="1">
      <c r="A35" s="37"/>
      <c r="B35" s="82" t="s">
        <v>123</v>
      </c>
      <c r="C35" s="39"/>
      <c r="D35" s="149">
        <v>233704</v>
      </c>
      <c r="E35" s="149">
        <v>113425</v>
      </c>
      <c r="F35" s="149">
        <v>120279</v>
      </c>
      <c r="G35" s="149">
        <v>102581</v>
      </c>
      <c r="H35" s="149">
        <v>233774</v>
      </c>
      <c r="I35" s="149">
        <v>113404</v>
      </c>
      <c r="J35" s="149">
        <v>120370</v>
      </c>
      <c r="K35" s="158">
        <v>103114</v>
      </c>
    </row>
    <row r="36" spans="1:11" ht="9.75" customHeight="1">
      <c r="A36" s="37"/>
      <c r="B36" s="82" t="s">
        <v>124</v>
      </c>
      <c r="C36" s="39"/>
      <c r="D36" s="149">
        <v>221559</v>
      </c>
      <c r="E36" s="149">
        <v>112921</v>
      </c>
      <c r="F36" s="149">
        <v>108638</v>
      </c>
      <c r="G36" s="149">
        <v>113702</v>
      </c>
      <c r="H36" s="149">
        <v>222391</v>
      </c>
      <c r="I36" s="149">
        <v>113304</v>
      </c>
      <c r="J36" s="149">
        <v>109087</v>
      </c>
      <c r="K36" s="158">
        <v>114903</v>
      </c>
    </row>
    <row r="37" spans="1:11" ht="9.75" customHeight="1">
      <c r="A37" s="37"/>
      <c r="B37" s="82" t="s">
        <v>125</v>
      </c>
      <c r="C37" s="39"/>
      <c r="D37" s="149">
        <v>180820</v>
      </c>
      <c r="E37" s="149">
        <v>87422</v>
      </c>
      <c r="F37" s="149">
        <v>93398</v>
      </c>
      <c r="G37" s="149">
        <v>79690</v>
      </c>
      <c r="H37" s="149">
        <v>180859</v>
      </c>
      <c r="I37" s="149">
        <v>87350</v>
      </c>
      <c r="J37" s="149">
        <v>93509</v>
      </c>
      <c r="K37" s="158">
        <v>80115</v>
      </c>
    </row>
    <row r="38" spans="1:11" ht="3.75" customHeight="1">
      <c r="A38" s="37"/>
      <c r="B38" s="82"/>
      <c r="C38" s="39"/>
      <c r="D38" s="149"/>
      <c r="E38" s="149"/>
      <c r="F38" s="149"/>
      <c r="G38" s="149"/>
      <c r="H38" s="149"/>
      <c r="I38" s="149"/>
      <c r="J38" s="149"/>
      <c r="K38" s="158"/>
    </row>
    <row r="39" spans="1:11" ht="9.75" customHeight="1">
      <c r="A39" s="242" t="s">
        <v>126</v>
      </c>
      <c r="B39" s="243"/>
      <c r="C39" s="46"/>
      <c r="D39" s="152">
        <v>724944</v>
      </c>
      <c r="E39" s="152">
        <v>361795</v>
      </c>
      <c r="F39" s="152">
        <v>363149</v>
      </c>
      <c r="G39" s="152">
        <v>333764</v>
      </c>
      <c r="H39" s="152">
        <v>725132</v>
      </c>
      <c r="I39" s="152">
        <v>361739</v>
      </c>
      <c r="J39" s="152">
        <v>363393</v>
      </c>
      <c r="K39" s="159">
        <v>335237</v>
      </c>
    </row>
    <row r="40" spans="1:11" ht="9.75" customHeight="1">
      <c r="A40" s="37"/>
      <c r="B40" s="82" t="s">
        <v>111</v>
      </c>
      <c r="C40" s="39"/>
      <c r="D40" s="149">
        <v>169855</v>
      </c>
      <c r="E40" s="149">
        <v>85409</v>
      </c>
      <c r="F40" s="149">
        <v>84446</v>
      </c>
      <c r="G40" s="149">
        <v>75203</v>
      </c>
      <c r="H40" s="149">
        <v>169867</v>
      </c>
      <c r="I40" s="149">
        <v>85374</v>
      </c>
      <c r="J40" s="149">
        <v>84493</v>
      </c>
      <c r="K40" s="158">
        <v>75525</v>
      </c>
    </row>
    <row r="41" spans="1:11" ht="9.75" customHeight="1">
      <c r="A41" s="37"/>
      <c r="B41" s="82" t="s">
        <v>127</v>
      </c>
      <c r="C41" s="39"/>
      <c r="D41" s="149">
        <v>273889</v>
      </c>
      <c r="E41" s="149">
        <v>137089</v>
      </c>
      <c r="F41" s="149">
        <v>136800</v>
      </c>
      <c r="G41" s="149">
        <v>125330</v>
      </c>
      <c r="H41" s="149">
        <v>273760</v>
      </c>
      <c r="I41" s="149">
        <v>136933</v>
      </c>
      <c r="J41" s="149">
        <v>136827</v>
      </c>
      <c r="K41" s="158">
        <v>125743</v>
      </c>
    </row>
    <row r="42" spans="1:11" ht="9.75" customHeight="1">
      <c r="A42" s="37"/>
      <c r="B42" s="82" t="s">
        <v>104</v>
      </c>
      <c r="C42" s="39"/>
      <c r="D42" s="149">
        <v>281200</v>
      </c>
      <c r="E42" s="149">
        <v>139297</v>
      </c>
      <c r="F42" s="149">
        <v>141903</v>
      </c>
      <c r="G42" s="149">
        <v>133231</v>
      </c>
      <c r="H42" s="149">
        <v>281505</v>
      </c>
      <c r="I42" s="149">
        <v>139432</v>
      </c>
      <c r="J42" s="149">
        <v>142073</v>
      </c>
      <c r="K42" s="158">
        <v>133969</v>
      </c>
    </row>
    <row r="43" spans="1:11" ht="3.75" customHeight="1">
      <c r="A43" s="37"/>
      <c r="B43" s="82"/>
      <c r="C43" s="39"/>
      <c r="D43" s="149"/>
      <c r="E43" s="149"/>
      <c r="F43" s="149"/>
      <c r="G43" s="149"/>
      <c r="H43" s="149"/>
      <c r="I43" s="149"/>
      <c r="J43" s="149"/>
      <c r="K43" s="158"/>
    </row>
    <row r="44" spans="1:11" ht="9.75" customHeight="1">
      <c r="A44" s="244" t="s">
        <v>128</v>
      </c>
      <c r="B44" s="245"/>
      <c r="C44" s="39"/>
      <c r="D44" s="149">
        <v>386344</v>
      </c>
      <c r="E44" s="149">
        <v>192621</v>
      </c>
      <c r="F44" s="149">
        <v>193723</v>
      </c>
      <c r="G44" s="149">
        <v>165325</v>
      </c>
      <c r="H44" s="149">
        <v>384846</v>
      </c>
      <c r="I44" s="149">
        <v>191561</v>
      </c>
      <c r="J44" s="149">
        <v>193285</v>
      </c>
      <c r="K44" s="158">
        <v>165560</v>
      </c>
    </row>
    <row r="45" spans="1:11" ht="9.75" customHeight="1">
      <c r="A45" s="244" t="s">
        <v>129</v>
      </c>
      <c r="B45" s="245"/>
      <c r="C45" s="39"/>
      <c r="D45" s="149">
        <v>258080</v>
      </c>
      <c r="E45" s="149">
        <v>128802</v>
      </c>
      <c r="F45" s="149">
        <v>129278</v>
      </c>
      <c r="G45" s="149">
        <v>112486</v>
      </c>
      <c r="H45" s="149">
        <v>258075</v>
      </c>
      <c r="I45" s="149">
        <v>128806</v>
      </c>
      <c r="J45" s="149">
        <v>129269</v>
      </c>
      <c r="K45" s="158">
        <v>112905</v>
      </c>
    </row>
    <row r="46" spans="1:11" ht="9.75" customHeight="1">
      <c r="A46" s="244" t="s">
        <v>130</v>
      </c>
      <c r="B46" s="245"/>
      <c r="C46" s="39"/>
      <c r="D46" s="149">
        <v>172675</v>
      </c>
      <c r="E46" s="149">
        <v>81083</v>
      </c>
      <c r="F46" s="149">
        <v>91592</v>
      </c>
      <c r="G46" s="149">
        <v>75871</v>
      </c>
      <c r="H46" s="149">
        <v>172694</v>
      </c>
      <c r="I46" s="149">
        <v>81063</v>
      </c>
      <c r="J46" s="149">
        <v>91631</v>
      </c>
      <c r="K46" s="158">
        <v>76080</v>
      </c>
    </row>
    <row r="47" spans="1:11" ht="9.75" customHeight="1">
      <c r="A47" s="244" t="s">
        <v>131</v>
      </c>
      <c r="B47" s="245"/>
      <c r="C47" s="39"/>
      <c r="D47" s="149">
        <v>438149</v>
      </c>
      <c r="E47" s="149">
        <v>216184</v>
      </c>
      <c r="F47" s="149">
        <v>221965</v>
      </c>
      <c r="G47" s="149">
        <v>194368</v>
      </c>
      <c r="H47" s="149">
        <v>438968</v>
      </c>
      <c r="I47" s="149">
        <v>216610</v>
      </c>
      <c r="J47" s="149">
        <v>222358</v>
      </c>
      <c r="K47" s="158">
        <v>195389</v>
      </c>
    </row>
    <row r="48" spans="1:11" ht="9.75" customHeight="1">
      <c r="A48" s="244" t="s">
        <v>132</v>
      </c>
      <c r="B48" s="245"/>
      <c r="C48" s="39"/>
      <c r="D48" s="149">
        <v>188529</v>
      </c>
      <c r="E48" s="149">
        <v>91118</v>
      </c>
      <c r="F48" s="149">
        <v>97411</v>
      </c>
      <c r="G48" s="149">
        <v>82143</v>
      </c>
      <c r="H48" s="149">
        <v>188375</v>
      </c>
      <c r="I48" s="149">
        <v>90969</v>
      </c>
      <c r="J48" s="149">
        <v>97406</v>
      </c>
      <c r="K48" s="158">
        <v>82454</v>
      </c>
    </row>
    <row r="49" spans="1:11" ht="9.75" customHeight="1">
      <c r="A49" s="244" t="s">
        <v>133</v>
      </c>
      <c r="B49" s="245"/>
      <c r="C49" s="39"/>
      <c r="D49" s="149">
        <v>242317</v>
      </c>
      <c r="E49" s="149">
        <v>117519</v>
      </c>
      <c r="F49" s="149">
        <v>124798</v>
      </c>
      <c r="G49" s="149">
        <v>102875</v>
      </c>
      <c r="H49" s="149">
        <v>242371</v>
      </c>
      <c r="I49" s="149">
        <v>117533</v>
      </c>
      <c r="J49" s="149">
        <v>124838</v>
      </c>
      <c r="K49" s="158">
        <v>103179</v>
      </c>
    </row>
    <row r="50" spans="1:11" ht="9.75" customHeight="1">
      <c r="A50" s="244" t="s">
        <v>134</v>
      </c>
      <c r="B50" s="245"/>
      <c r="C50" s="39"/>
      <c r="D50" s="149">
        <v>57055</v>
      </c>
      <c r="E50" s="149">
        <v>26740</v>
      </c>
      <c r="F50" s="149">
        <v>30315</v>
      </c>
      <c r="G50" s="149">
        <v>24950</v>
      </c>
      <c r="H50" s="149">
        <v>57055</v>
      </c>
      <c r="I50" s="149">
        <v>26738</v>
      </c>
      <c r="J50" s="149">
        <v>30317</v>
      </c>
      <c r="K50" s="158">
        <v>25000</v>
      </c>
    </row>
    <row r="51" spans="1:11" ht="9.75" customHeight="1">
      <c r="A51" s="244" t="s">
        <v>135</v>
      </c>
      <c r="B51" s="245"/>
      <c r="C51" s="39"/>
      <c r="D51" s="149">
        <v>41894</v>
      </c>
      <c r="E51" s="149">
        <v>20053</v>
      </c>
      <c r="F51" s="149">
        <v>21841</v>
      </c>
      <c r="G51" s="149">
        <v>17215</v>
      </c>
      <c r="H51" s="149">
        <v>41820</v>
      </c>
      <c r="I51" s="149">
        <v>20009</v>
      </c>
      <c r="J51" s="149">
        <v>21811</v>
      </c>
      <c r="K51" s="158">
        <v>17245</v>
      </c>
    </row>
    <row r="52" spans="1:11" ht="9.75" customHeight="1">
      <c r="A52" s="244" t="s">
        <v>136</v>
      </c>
      <c r="B52" s="245"/>
      <c r="C52" s="39"/>
      <c r="D52" s="149">
        <v>162156</v>
      </c>
      <c r="E52" s="149">
        <v>81962</v>
      </c>
      <c r="F52" s="149">
        <v>80194</v>
      </c>
      <c r="G52" s="149">
        <v>70328</v>
      </c>
      <c r="H52" s="149">
        <v>161932</v>
      </c>
      <c r="I52" s="149">
        <v>81856</v>
      </c>
      <c r="J52" s="149">
        <v>80076</v>
      </c>
      <c r="K52" s="158">
        <v>70542</v>
      </c>
    </row>
    <row r="53" spans="1:11" ht="9.75" customHeight="1">
      <c r="A53" s="244" t="s">
        <v>137</v>
      </c>
      <c r="B53" s="245"/>
      <c r="C53" s="39"/>
      <c r="D53" s="149">
        <v>223640</v>
      </c>
      <c r="E53" s="149">
        <v>115280</v>
      </c>
      <c r="F53" s="149">
        <v>108360</v>
      </c>
      <c r="G53" s="149">
        <v>100587</v>
      </c>
      <c r="H53" s="149">
        <v>223724</v>
      </c>
      <c r="I53" s="149">
        <v>115352</v>
      </c>
      <c r="J53" s="149">
        <v>108372</v>
      </c>
      <c r="K53" s="158">
        <v>101165</v>
      </c>
    </row>
    <row r="54" spans="1:11" ht="9.75" customHeight="1">
      <c r="A54" s="244" t="s">
        <v>138</v>
      </c>
      <c r="B54" s="245"/>
      <c r="C54" s="39"/>
      <c r="D54" s="149">
        <v>239728</v>
      </c>
      <c r="E54" s="149">
        <v>119805</v>
      </c>
      <c r="F54" s="149">
        <v>119923</v>
      </c>
      <c r="G54" s="149">
        <v>111180</v>
      </c>
      <c r="H54" s="149">
        <v>240244</v>
      </c>
      <c r="I54" s="149">
        <v>119995</v>
      </c>
      <c r="J54" s="149">
        <v>120249</v>
      </c>
      <c r="K54" s="158">
        <v>111819</v>
      </c>
    </row>
    <row r="55" spans="1:11" ht="9.75" customHeight="1">
      <c r="A55" s="244" t="s">
        <v>139</v>
      </c>
      <c r="B55" s="245"/>
      <c r="C55" s="39"/>
      <c r="D55" s="149">
        <v>101326</v>
      </c>
      <c r="E55" s="149">
        <v>51267</v>
      </c>
      <c r="F55" s="149">
        <v>50059</v>
      </c>
      <c r="G55" s="149">
        <v>45274</v>
      </c>
      <c r="H55" s="149">
        <v>101381</v>
      </c>
      <c r="I55" s="149">
        <v>51383</v>
      </c>
      <c r="J55" s="149">
        <v>49998</v>
      </c>
      <c r="K55" s="158">
        <v>45566</v>
      </c>
    </row>
    <row r="56" spans="1:11" ht="9.75" customHeight="1">
      <c r="A56" s="244" t="s">
        <v>140</v>
      </c>
      <c r="B56" s="245"/>
      <c r="C56" s="39"/>
      <c r="D56" s="149">
        <v>136916</v>
      </c>
      <c r="E56" s="149">
        <v>68761</v>
      </c>
      <c r="F56" s="149">
        <v>68155</v>
      </c>
      <c r="G56" s="149">
        <v>58710</v>
      </c>
      <c r="H56" s="149">
        <v>137114</v>
      </c>
      <c r="I56" s="149">
        <v>68852</v>
      </c>
      <c r="J56" s="149">
        <v>68262</v>
      </c>
      <c r="K56" s="158">
        <v>58971</v>
      </c>
    </row>
    <row r="57" spans="1:11" ht="9.75" customHeight="1">
      <c r="A57" s="244" t="s">
        <v>141</v>
      </c>
      <c r="B57" s="245"/>
      <c r="C57" s="39"/>
      <c r="D57" s="149">
        <v>132261</v>
      </c>
      <c r="E57" s="149">
        <v>65917</v>
      </c>
      <c r="F57" s="149">
        <v>66344</v>
      </c>
      <c r="G57" s="149">
        <v>60348</v>
      </c>
      <c r="H57" s="149">
        <v>132308</v>
      </c>
      <c r="I57" s="149">
        <v>65932</v>
      </c>
      <c r="J57" s="149">
        <v>66376</v>
      </c>
      <c r="K57" s="158">
        <v>60544</v>
      </c>
    </row>
    <row r="58" spans="1:11" ht="9.75" customHeight="1">
      <c r="A58" s="244" t="s">
        <v>142</v>
      </c>
      <c r="B58" s="245"/>
      <c r="C58" s="39"/>
      <c r="D58" s="149">
        <v>40638</v>
      </c>
      <c r="E58" s="149">
        <v>19887</v>
      </c>
      <c r="F58" s="149">
        <v>20751</v>
      </c>
      <c r="G58" s="149">
        <v>16294</v>
      </c>
      <c r="H58" s="149">
        <v>40520</v>
      </c>
      <c r="I58" s="149">
        <v>19812</v>
      </c>
      <c r="J58" s="149">
        <v>20708</v>
      </c>
      <c r="K58" s="158">
        <v>16270</v>
      </c>
    </row>
    <row r="59" spans="1:11" ht="9.75" customHeight="1">
      <c r="A59" s="244" t="s">
        <v>143</v>
      </c>
      <c r="B59" s="245"/>
      <c r="C59" s="39"/>
      <c r="D59" s="149">
        <v>83637</v>
      </c>
      <c r="E59" s="149">
        <v>42448</v>
      </c>
      <c r="F59" s="149">
        <v>41189</v>
      </c>
      <c r="G59" s="149">
        <v>34852</v>
      </c>
      <c r="H59" s="149">
        <v>83478</v>
      </c>
      <c r="I59" s="149">
        <v>42365</v>
      </c>
      <c r="J59" s="149">
        <v>41113</v>
      </c>
      <c r="K59" s="158">
        <v>34852</v>
      </c>
    </row>
    <row r="60" spans="1:11" ht="3.75" customHeight="1">
      <c r="A60" s="37"/>
      <c r="B60" s="82"/>
      <c r="C60" s="39"/>
      <c r="D60" s="149"/>
      <c r="E60" s="149"/>
      <c r="F60" s="149"/>
      <c r="G60" s="149"/>
      <c r="H60" s="149"/>
      <c r="I60" s="149"/>
      <c r="J60" s="149"/>
      <c r="K60" s="158"/>
    </row>
    <row r="61" spans="1:11" ht="9.75" customHeight="1">
      <c r="A61" s="244" t="s">
        <v>144</v>
      </c>
      <c r="B61" s="245"/>
      <c r="C61" s="39"/>
      <c r="D61" s="146">
        <v>31716</v>
      </c>
      <c r="E61" s="149">
        <v>14927</v>
      </c>
      <c r="F61" s="149">
        <v>16789</v>
      </c>
      <c r="G61" s="149">
        <v>13023</v>
      </c>
      <c r="H61" s="149">
        <v>31719</v>
      </c>
      <c r="I61" s="149">
        <v>14898</v>
      </c>
      <c r="J61" s="149">
        <v>16821</v>
      </c>
      <c r="K61" s="158">
        <v>13060</v>
      </c>
    </row>
    <row r="62" spans="1:11" ht="3.75" customHeight="1">
      <c r="A62" s="37"/>
      <c r="B62" s="82"/>
      <c r="C62" s="39"/>
      <c r="D62" s="149"/>
      <c r="E62" s="149"/>
      <c r="F62" s="149"/>
      <c r="G62" s="149"/>
      <c r="H62" s="149"/>
      <c r="I62" s="149"/>
      <c r="J62" s="149"/>
      <c r="K62" s="158"/>
    </row>
    <row r="63" spans="1:11" ht="9.75" customHeight="1">
      <c r="A63" s="244" t="s">
        <v>145</v>
      </c>
      <c r="B63" s="245"/>
      <c r="C63" s="39"/>
      <c r="D63" s="146">
        <v>48426</v>
      </c>
      <c r="E63" s="149">
        <v>24511</v>
      </c>
      <c r="F63" s="149">
        <v>23915</v>
      </c>
      <c r="G63" s="149">
        <v>20000</v>
      </c>
      <c r="H63" s="149">
        <v>48459</v>
      </c>
      <c r="I63" s="149">
        <v>24515</v>
      </c>
      <c r="J63" s="149">
        <v>23944</v>
      </c>
      <c r="K63" s="158">
        <v>20037</v>
      </c>
    </row>
    <row r="64" spans="1:11" ht="3.75" customHeight="1">
      <c r="A64" s="37"/>
      <c r="B64" s="82"/>
      <c r="C64" s="39"/>
      <c r="D64" s="149"/>
      <c r="E64" s="149"/>
      <c r="F64" s="149"/>
      <c r="G64" s="149"/>
      <c r="H64" s="149"/>
      <c r="I64" s="149"/>
      <c r="J64" s="149"/>
      <c r="K64" s="158"/>
    </row>
    <row r="65" spans="1:11" ht="9.75" customHeight="1">
      <c r="A65" s="242" t="s">
        <v>146</v>
      </c>
      <c r="B65" s="243"/>
      <c r="C65" s="46"/>
      <c r="D65" s="152">
        <v>59142</v>
      </c>
      <c r="E65" s="152">
        <v>28633</v>
      </c>
      <c r="F65" s="152">
        <v>30509</v>
      </c>
      <c r="G65" s="152">
        <v>24304</v>
      </c>
      <c r="H65" s="152">
        <v>59058</v>
      </c>
      <c r="I65" s="152">
        <v>28595</v>
      </c>
      <c r="J65" s="152">
        <v>30463</v>
      </c>
      <c r="K65" s="159">
        <v>24322</v>
      </c>
    </row>
    <row r="66" spans="1:11" ht="9.75" customHeight="1">
      <c r="A66" s="37"/>
      <c r="B66" s="82" t="s">
        <v>147</v>
      </c>
      <c r="C66" s="39"/>
      <c r="D66" s="149">
        <v>31651</v>
      </c>
      <c r="E66" s="149">
        <v>15411</v>
      </c>
      <c r="F66" s="149">
        <v>16240</v>
      </c>
      <c r="G66" s="149">
        <v>12746</v>
      </c>
      <c r="H66" s="149">
        <v>31617</v>
      </c>
      <c r="I66" s="149">
        <v>15394</v>
      </c>
      <c r="J66" s="149">
        <v>16223</v>
      </c>
      <c r="K66" s="158">
        <v>12756</v>
      </c>
    </row>
    <row r="67" spans="1:11" ht="9.75" customHeight="1">
      <c r="A67" s="37"/>
      <c r="B67" s="82" t="s">
        <v>148</v>
      </c>
      <c r="C67" s="39"/>
      <c r="D67" s="149">
        <v>27491</v>
      </c>
      <c r="E67" s="149">
        <v>13222</v>
      </c>
      <c r="F67" s="149">
        <v>14269</v>
      </c>
      <c r="G67" s="149">
        <v>11558</v>
      </c>
      <c r="H67" s="149">
        <v>27441</v>
      </c>
      <c r="I67" s="149">
        <v>13201</v>
      </c>
      <c r="J67" s="149">
        <v>14240</v>
      </c>
      <c r="K67" s="158">
        <v>11566</v>
      </c>
    </row>
    <row r="68" spans="1:11" ht="3.75" customHeight="1">
      <c r="A68" s="37"/>
      <c r="B68" s="82"/>
      <c r="C68" s="39"/>
      <c r="D68" s="149"/>
      <c r="E68" s="149"/>
      <c r="F68" s="149"/>
      <c r="G68" s="149"/>
      <c r="H68" s="149"/>
      <c r="I68" s="149"/>
      <c r="J68" s="149"/>
      <c r="K68" s="158"/>
    </row>
    <row r="69" spans="1:11" ht="9.75" customHeight="1">
      <c r="A69" s="242" t="s">
        <v>149</v>
      </c>
      <c r="B69" s="243"/>
      <c r="C69" s="46"/>
      <c r="D69" s="152">
        <v>65261</v>
      </c>
      <c r="E69" s="152">
        <v>32194</v>
      </c>
      <c r="F69" s="152">
        <v>33067</v>
      </c>
      <c r="G69" s="152">
        <v>25637</v>
      </c>
      <c r="H69" s="152">
        <v>65141</v>
      </c>
      <c r="I69" s="152">
        <v>32102</v>
      </c>
      <c r="J69" s="152">
        <v>33039</v>
      </c>
      <c r="K69" s="159">
        <v>25653</v>
      </c>
    </row>
    <row r="70" spans="1:11" ht="9.75" customHeight="1">
      <c r="A70" s="37"/>
      <c r="B70" s="82" t="s">
        <v>150</v>
      </c>
      <c r="C70" s="39"/>
      <c r="D70" s="149">
        <v>9248</v>
      </c>
      <c r="E70" s="149">
        <v>4631</v>
      </c>
      <c r="F70" s="149">
        <v>4617</v>
      </c>
      <c r="G70" s="149">
        <v>3424</v>
      </c>
      <c r="H70" s="149">
        <v>9204</v>
      </c>
      <c r="I70" s="149">
        <v>4608</v>
      </c>
      <c r="J70" s="149">
        <v>4596</v>
      </c>
      <c r="K70" s="158">
        <v>3414</v>
      </c>
    </row>
    <row r="71" spans="1:11" ht="9.75" customHeight="1">
      <c r="A71" s="37"/>
      <c r="B71" s="82" t="s">
        <v>151</v>
      </c>
      <c r="C71" s="39"/>
      <c r="D71" s="149">
        <v>17158</v>
      </c>
      <c r="E71" s="149">
        <v>8454</v>
      </c>
      <c r="F71" s="149">
        <v>8704</v>
      </c>
      <c r="G71" s="149">
        <v>6747</v>
      </c>
      <c r="H71" s="149">
        <v>17146</v>
      </c>
      <c r="I71" s="149">
        <v>8436</v>
      </c>
      <c r="J71" s="149">
        <v>8710</v>
      </c>
      <c r="K71" s="158">
        <v>6765</v>
      </c>
    </row>
    <row r="72" spans="1:11" ht="9.75" customHeight="1">
      <c r="A72" s="37"/>
      <c r="B72" s="82" t="s">
        <v>152</v>
      </c>
      <c r="C72" s="39"/>
      <c r="D72" s="149">
        <v>10719</v>
      </c>
      <c r="E72" s="149">
        <v>5334</v>
      </c>
      <c r="F72" s="149">
        <v>5385</v>
      </c>
      <c r="G72" s="149">
        <v>4543</v>
      </c>
      <c r="H72" s="149">
        <v>10680</v>
      </c>
      <c r="I72" s="149">
        <v>5304</v>
      </c>
      <c r="J72" s="149">
        <v>5376</v>
      </c>
      <c r="K72" s="158">
        <v>4537</v>
      </c>
    </row>
    <row r="73" spans="1:11" ht="9.75" customHeight="1">
      <c r="A73" s="37"/>
      <c r="B73" s="82" t="s">
        <v>153</v>
      </c>
      <c r="C73" s="39"/>
      <c r="D73" s="149">
        <v>9715</v>
      </c>
      <c r="E73" s="149">
        <v>4821</v>
      </c>
      <c r="F73" s="149">
        <v>4894</v>
      </c>
      <c r="G73" s="149">
        <v>3944</v>
      </c>
      <c r="H73" s="149">
        <v>9679</v>
      </c>
      <c r="I73" s="149">
        <v>4800</v>
      </c>
      <c r="J73" s="149">
        <v>4879</v>
      </c>
      <c r="K73" s="158">
        <v>3934</v>
      </c>
    </row>
    <row r="74" spans="1:11" ht="9.75" customHeight="1">
      <c r="A74" s="37"/>
      <c r="B74" s="82" t="s">
        <v>154</v>
      </c>
      <c r="C74" s="39"/>
      <c r="D74" s="149">
        <v>18421</v>
      </c>
      <c r="E74" s="149">
        <v>8954</v>
      </c>
      <c r="F74" s="149">
        <v>9467</v>
      </c>
      <c r="G74" s="149">
        <v>6979</v>
      </c>
      <c r="H74" s="149">
        <v>18432</v>
      </c>
      <c r="I74" s="149">
        <v>8954</v>
      </c>
      <c r="J74" s="149">
        <v>9478</v>
      </c>
      <c r="K74" s="158">
        <v>7003</v>
      </c>
    </row>
    <row r="75" spans="1:11" ht="3.75" customHeight="1">
      <c r="A75" s="37"/>
      <c r="B75" s="82"/>
      <c r="C75" s="39"/>
      <c r="D75" s="149"/>
      <c r="E75" s="149"/>
      <c r="F75" s="149"/>
      <c r="G75" s="149"/>
      <c r="H75" s="149"/>
      <c r="I75" s="149"/>
      <c r="J75" s="149"/>
      <c r="K75" s="158"/>
    </row>
    <row r="76" spans="1:11" ht="9.75" customHeight="1">
      <c r="A76" s="242" t="s">
        <v>155</v>
      </c>
      <c r="B76" s="243"/>
      <c r="C76" s="46"/>
      <c r="D76" s="152">
        <v>41221</v>
      </c>
      <c r="E76" s="152">
        <v>19344</v>
      </c>
      <c r="F76" s="152">
        <v>21877</v>
      </c>
      <c r="G76" s="152">
        <v>19986</v>
      </c>
      <c r="H76" s="152">
        <v>41171</v>
      </c>
      <c r="I76" s="152">
        <v>19306</v>
      </c>
      <c r="J76" s="152">
        <v>21865</v>
      </c>
      <c r="K76" s="159">
        <v>20089</v>
      </c>
    </row>
    <row r="77" spans="1:11" ht="9.75" customHeight="1">
      <c r="A77" s="37"/>
      <c r="B77" s="82" t="s">
        <v>156</v>
      </c>
      <c r="C77" s="39"/>
      <c r="D77" s="149">
        <v>11210</v>
      </c>
      <c r="E77" s="149">
        <v>5401</v>
      </c>
      <c r="F77" s="149">
        <v>5809</v>
      </c>
      <c r="G77" s="149">
        <v>6298</v>
      </c>
      <c r="H77" s="149">
        <v>11253</v>
      </c>
      <c r="I77" s="149">
        <v>5417</v>
      </c>
      <c r="J77" s="149">
        <v>5836</v>
      </c>
      <c r="K77" s="158">
        <v>6391</v>
      </c>
    </row>
    <row r="78" spans="1:11" ht="9.75" customHeight="1">
      <c r="A78" s="37"/>
      <c r="B78" s="82" t="s">
        <v>157</v>
      </c>
      <c r="C78" s="39"/>
      <c r="D78" s="149">
        <v>6691</v>
      </c>
      <c r="E78" s="149">
        <v>3110</v>
      </c>
      <c r="F78" s="149">
        <v>3581</v>
      </c>
      <c r="G78" s="149">
        <v>2957</v>
      </c>
      <c r="H78" s="149">
        <v>6666</v>
      </c>
      <c r="I78" s="149">
        <v>3100</v>
      </c>
      <c r="J78" s="149">
        <v>3566</v>
      </c>
      <c r="K78" s="158">
        <v>2956</v>
      </c>
    </row>
    <row r="79" spans="1:11" ht="9.75" customHeight="1">
      <c r="A79" s="37"/>
      <c r="B79" s="82" t="s">
        <v>158</v>
      </c>
      <c r="C79" s="39"/>
      <c r="D79" s="149">
        <v>23320</v>
      </c>
      <c r="E79" s="149">
        <v>10833</v>
      </c>
      <c r="F79" s="149">
        <v>12487</v>
      </c>
      <c r="G79" s="149">
        <v>10731</v>
      </c>
      <c r="H79" s="149">
        <v>23252</v>
      </c>
      <c r="I79" s="149">
        <v>10789</v>
      </c>
      <c r="J79" s="149">
        <v>12463</v>
      </c>
      <c r="K79" s="158">
        <v>10742</v>
      </c>
    </row>
    <row r="80" spans="1:11" ht="3.75" customHeight="1">
      <c r="A80" s="37"/>
      <c r="B80" s="82"/>
      <c r="C80" s="39"/>
      <c r="D80" s="149"/>
      <c r="E80" s="149"/>
      <c r="F80" s="149"/>
      <c r="G80" s="149"/>
      <c r="H80" s="149"/>
      <c r="I80" s="149"/>
      <c r="J80" s="149"/>
      <c r="K80" s="158"/>
    </row>
    <row r="81" spans="1:11" ht="9.75" customHeight="1">
      <c r="A81" s="242" t="s">
        <v>159</v>
      </c>
      <c r="B81" s="243"/>
      <c r="C81" s="46"/>
      <c r="D81" s="152">
        <v>42694</v>
      </c>
      <c r="E81" s="152">
        <v>22330</v>
      </c>
      <c r="F81" s="152">
        <v>20364</v>
      </c>
      <c r="G81" s="152">
        <v>18217</v>
      </c>
      <c r="H81" s="152">
        <v>42592</v>
      </c>
      <c r="I81" s="152">
        <v>22302</v>
      </c>
      <c r="J81" s="152">
        <v>20290</v>
      </c>
      <c r="K81" s="159">
        <v>18228</v>
      </c>
    </row>
    <row r="82" spans="1:11" ht="9.75" customHeight="1">
      <c r="A82" s="37"/>
      <c r="B82" s="82" t="s">
        <v>160</v>
      </c>
      <c r="C82" s="39"/>
      <c r="D82" s="149">
        <v>39670</v>
      </c>
      <c r="E82" s="149">
        <v>20788</v>
      </c>
      <c r="F82" s="149">
        <v>18882</v>
      </c>
      <c r="G82" s="149">
        <v>17095</v>
      </c>
      <c r="H82" s="149">
        <v>39565</v>
      </c>
      <c r="I82" s="149">
        <v>20756</v>
      </c>
      <c r="J82" s="149">
        <v>18809</v>
      </c>
      <c r="K82" s="158">
        <v>17101</v>
      </c>
    </row>
    <row r="83" spans="1:11" ht="9.75" customHeight="1">
      <c r="A83" s="37"/>
      <c r="B83" s="82" t="s">
        <v>161</v>
      </c>
      <c r="C83" s="39"/>
      <c r="D83" s="149">
        <v>3024</v>
      </c>
      <c r="E83" s="149">
        <v>1542</v>
      </c>
      <c r="F83" s="149">
        <v>1482</v>
      </c>
      <c r="G83" s="149">
        <v>1122</v>
      </c>
      <c r="H83" s="149">
        <v>3027</v>
      </c>
      <c r="I83" s="149">
        <v>1546</v>
      </c>
      <c r="J83" s="149">
        <v>1481</v>
      </c>
      <c r="K83" s="158">
        <v>1127</v>
      </c>
    </row>
    <row r="84" spans="1:11" ht="3.75" customHeight="1" thickBot="1">
      <c r="A84" s="51"/>
      <c r="B84" s="52"/>
      <c r="C84" s="52"/>
      <c r="D84" s="89"/>
      <c r="E84" s="89"/>
      <c r="F84" s="89"/>
      <c r="G84" s="89"/>
      <c r="H84" s="89"/>
      <c r="I84" s="89"/>
      <c r="J84" s="89"/>
      <c r="K84" s="160"/>
    </row>
    <row r="85" spans="1:11" ht="9.75" customHeight="1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8</vt:i4>
      </vt:variant>
    </vt:vector>
  </HeadingPairs>
  <TitlesOfParts>
    <vt:vector size="25" baseType="lpstr">
      <vt:lpstr>第1表</vt:lpstr>
      <vt:lpstr>第2表</vt:lpstr>
      <vt:lpstr>第3表</vt:lpstr>
      <vt:lpstr>第4表</vt:lpstr>
      <vt:lpstr>第5表</vt:lpstr>
      <vt:lpstr>第6表</vt:lpstr>
      <vt:lpstr>第7表</vt:lpstr>
      <vt:lpstr>第8-1表</vt:lpstr>
      <vt:lpstr>第8-2表</vt:lpstr>
      <vt:lpstr>第8-3表</vt:lpstr>
      <vt:lpstr>第8-4表</vt:lpstr>
      <vt:lpstr>第8-5表</vt:lpstr>
      <vt:lpstr>第8-6表</vt:lpstr>
      <vt:lpstr>第9表</vt:lpstr>
      <vt:lpstr>第10表</vt:lpstr>
      <vt:lpstr>参考1</vt:lpstr>
      <vt:lpstr>参考2</vt:lpstr>
      <vt:lpstr>参考1!Print_Area</vt:lpstr>
      <vt:lpstr>第10表!Print_Area</vt:lpstr>
      <vt:lpstr>第1表!Print_Area</vt:lpstr>
      <vt:lpstr>第2表!Print_Area</vt:lpstr>
      <vt:lpstr>第3表!Print_Area</vt:lpstr>
      <vt:lpstr>第4表!Print_Area</vt:lpstr>
      <vt:lpstr>第5表!Print_Area</vt:lpstr>
      <vt:lpstr>第7表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10T07:39:35Z</cp:lastPrinted>
  <dcterms:created xsi:type="dcterms:W3CDTF">2022-01-28T00:27:30Z</dcterms:created>
  <dcterms:modified xsi:type="dcterms:W3CDTF">2023-06-08T00:14:50Z</dcterms:modified>
</cp:coreProperties>
</file>